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/>
  <xr:revisionPtr revIDLastSave="0" documentId="13_ncr:1_{ED9F8C1B-A4FD-4D01-B654-4084D78DDA78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2" r:id="rId1"/>
    <sheet name="行政コスト計算書" sheetId="3" r:id="rId2"/>
    <sheet name="純資産変動計算書" sheetId="4" r:id="rId3"/>
    <sheet name="キャッシュフロー計算書" sheetId="5" r:id="rId4"/>
    <sheet name="注記" sheetId="1" r:id="rId5"/>
    <sheet name="有形固定資産等明細表" sheetId="6" r:id="rId6"/>
    <sheet name="引当金明細表" sheetId="7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6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4">注記!$A$1:$D$38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1" uniqueCount="231">
  <si>
    <t>一般会計</t>
    <rPh sb="0" eb="2">
      <t>イッパン</t>
    </rPh>
    <phoneticPr fontId="3"/>
  </si>
  <si>
    <t>鶴見区役所</t>
    <rPh sb="0" eb="5">
      <t>ツルミクヤクショ</t>
    </rPh>
    <phoneticPr fontId="3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  <si>
    <t>該当事項はありません。</t>
  </si>
  <si>
    <t>介護保険事業</t>
    <phoneticPr fontId="3"/>
  </si>
  <si>
    <t>一般会計</t>
  </si>
  <si>
    <t>鶴見区役所</t>
  </si>
  <si>
    <t>介護保険事業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1" fillId="0" borderId="0">
      <alignment vertical="center"/>
    </xf>
  </cellStyleXfs>
  <cellXfs count="171">
    <xf numFmtId="0" fontId="0" fillId="0" borderId="0" xfId="0">
      <alignment vertical="center"/>
    </xf>
    <xf numFmtId="0" fontId="2" fillId="0" borderId="0" xfId="1" applyFont="1">
      <alignment vertical="center"/>
    </xf>
    <xf numFmtId="0" fontId="5" fillId="0" borderId="0" xfId="2" applyFont="1" applyAlignment="1">
      <alignment horizontal="left"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vertical="top" wrapText="1"/>
    </xf>
    <xf numFmtId="0" fontId="9" fillId="0" borderId="0" xfId="0" applyFont="1" applyAlignment="1">
      <alignment horizontal="left" vertical="top" wrapText="1"/>
    </xf>
    <xf numFmtId="0" fontId="9" fillId="0" borderId="0" xfId="0" applyFont="1" applyAlignment="1">
      <alignment vertical="center" wrapText="1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13" fillId="0" borderId="0" xfId="2" applyFont="1" applyAlignment="1">
      <alignment horizontal="left" vertical="center"/>
    </xf>
    <xf numFmtId="0" fontId="2" fillId="0" borderId="1" xfId="1" applyFont="1" applyBorder="1">
      <alignment vertical="center"/>
    </xf>
    <xf numFmtId="0" fontId="2" fillId="0" borderId="2" xfId="1" applyFont="1" applyBorder="1">
      <alignment vertical="center"/>
    </xf>
    <xf numFmtId="0" fontId="2" fillId="0" borderId="3" xfId="1" applyFont="1" applyBorder="1">
      <alignment vertical="center"/>
    </xf>
    <xf numFmtId="0" fontId="2" fillId="0" borderId="4" xfId="1" applyFont="1" applyBorder="1">
      <alignment vertical="center"/>
    </xf>
    <xf numFmtId="0" fontId="2" fillId="0" borderId="0" xfId="2" applyFont="1" applyAlignment="1"/>
    <xf numFmtId="0" fontId="2" fillId="0" borderId="5" xfId="1" applyFont="1" applyBorder="1">
      <alignment vertical="center"/>
    </xf>
    <xf numFmtId="0" fontId="16" fillId="0" borderId="0" xfId="2" applyFont="1" applyAlignment="1">
      <alignment horizontal="center"/>
    </xf>
    <xf numFmtId="0" fontId="18" fillId="0" borderId="0" xfId="2" applyFont="1" applyAlignment="1">
      <alignment horizontal="center" vertical="center"/>
    </xf>
    <xf numFmtId="0" fontId="2" fillId="0" borderId="0" xfId="2" applyFont="1">
      <alignment vertical="center"/>
    </xf>
    <xf numFmtId="0" fontId="2" fillId="0" borderId="0" xfId="2" applyFont="1" applyAlignment="1">
      <alignment horizontal="left" vertical="center"/>
    </xf>
    <xf numFmtId="58" fontId="2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2" fillId="0" borderId="0" xfId="1" applyFont="1" applyAlignment="1">
      <alignment horizontal="right" vertical="center"/>
    </xf>
    <xf numFmtId="0" fontId="2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1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2" fillId="0" borderId="0" xfId="1" applyNumberFormat="1" applyFont="1" applyAlignment="1">
      <alignment horizontal="right" vertical="center"/>
    </xf>
    <xf numFmtId="176" fontId="2" fillId="0" borderId="2" xfId="1" applyNumberFormat="1" applyFont="1" applyBorder="1" applyAlignment="1">
      <alignment horizontal="right" vertical="center"/>
    </xf>
    <xf numFmtId="176" fontId="2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21" fillId="0" borderId="5" xfId="1" applyFont="1" applyBorder="1">
      <alignment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9" fillId="0" borderId="0" xfId="5" applyFont="1" applyAlignment="1">
      <alignment horizontal="left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2" fillId="0" borderId="0" xfId="6" applyFont="1" applyAlignment="1"/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2" fillId="0" borderId="0" xfId="6" applyFont="1">
      <alignment vertical="center"/>
    </xf>
    <xf numFmtId="0" fontId="2" fillId="0" borderId="0" xfId="6" applyFont="1" applyAlignment="1">
      <alignment horizontal="center" vertical="center"/>
    </xf>
    <xf numFmtId="49" fontId="2" fillId="0" borderId="0" xfId="6" applyNumberFormat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2" fillId="0" borderId="11" xfId="1" applyFont="1" applyBorder="1">
      <alignment vertical="center"/>
    </xf>
    <xf numFmtId="176" fontId="2" fillId="0" borderId="6" xfId="1" applyNumberFormat="1" applyFont="1" applyBorder="1" applyAlignment="1">
      <alignment horizontal="right" vertical="center"/>
    </xf>
    <xf numFmtId="0" fontId="2" fillId="0" borderId="12" xfId="1" applyFont="1" applyBorder="1">
      <alignment vertical="center"/>
    </xf>
    <xf numFmtId="0" fontId="19" fillId="0" borderId="0" xfId="7" applyFont="1">
      <alignment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3" xfId="7" applyFont="1" applyBorder="1" applyAlignment="1">
      <alignment horizontal="center" vertical="center"/>
    </xf>
    <xf numFmtId="176" fontId="19" fillId="0" borderId="13" xfId="7" applyNumberFormat="1" applyFont="1" applyBorder="1">
      <alignment vertical="center"/>
    </xf>
    <xf numFmtId="0" fontId="2" fillId="0" borderId="0" xfId="2" applyFont="1" applyAlignment="1">
      <alignment horizontal="center" vertical="center"/>
    </xf>
    <xf numFmtId="49" fontId="2" fillId="0" borderId="0" xfId="2" applyNumberFormat="1" applyFont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14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4" fillId="0" borderId="0" xfId="3" applyFont="1" applyAlignment="1">
      <alignment horizontal="center"/>
    </xf>
    <xf numFmtId="0" fontId="4" fillId="0" borderId="0" xfId="2" applyAlignment="1">
      <alignment horizontal="center"/>
    </xf>
    <xf numFmtId="0" fontId="17" fillId="0" borderId="0" xfId="3" applyFont="1" applyAlignment="1">
      <alignment horizontal="center"/>
    </xf>
    <xf numFmtId="0" fontId="4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0" fontId="19" fillId="0" borderId="13" xfId="1" applyFont="1" applyBorder="1" applyAlignment="1">
      <alignment horizontal="center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0" fontId="14" fillId="0" borderId="0" xfId="1" applyFont="1" applyAlignment="1">
      <alignment horizontal="center" vertical="center"/>
    </xf>
    <xf numFmtId="0" fontId="4" fillId="0" borderId="0" xfId="2">
      <alignment vertical="center"/>
    </xf>
    <xf numFmtId="0" fontId="17" fillId="0" borderId="0" xfId="1" applyFont="1" applyAlignment="1">
      <alignment horizontal="center" vertical="center"/>
    </xf>
    <xf numFmtId="0" fontId="2" fillId="0" borderId="0" xfId="6" applyFont="1" applyAlignment="1">
      <alignment horizontal="center" vertic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9" fillId="0" borderId="0" xfId="0" applyFont="1" applyAlignment="1">
      <alignment horizontal="left" vertical="top" wrapText="1"/>
    </xf>
    <xf numFmtId="0" fontId="6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top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9" fillId="0" borderId="13" xfId="7" applyFont="1" applyBorder="1" applyAlignment="1">
      <alignment horizontal="left" vertical="center"/>
    </xf>
    <xf numFmtId="0" fontId="19" fillId="0" borderId="13" xfId="7" applyFont="1" applyBorder="1" applyAlignment="1">
      <alignment horizontal="center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5" xfId="7" applyFont="1" applyBorder="1" applyAlignment="1">
      <alignment horizontal="center" vertical="center" wrapText="1"/>
    </xf>
  </cellXfs>
  <cellStyles count="8">
    <cellStyle name="標準" xfId="0" builtinId="0"/>
    <cellStyle name="標準 2" xfId="1" xr:uid="{00000000-0005-0000-0000-000001000000}"/>
    <cellStyle name="標準 2 2" xfId="7" xr:uid="{D7F616F8-A152-4EA3-9EE6-AF252CA05E86}"/>
    <cellStyle name="標準 3" xfId="3" xr:uid="{AB616993-FA00-435B-BD9F-21E770AF448A}"/>
    <cellStyle name="標準 4" xfId="4" xr:uid="{8516509E-29F2-4956-BE02-24EE640BC9A4}"/>
    <cellStyle name="標準 4 2" xfId="2" xr:uid="{00000000-0005-0000-0000-000002000000}"/>
    <cellStyle name="標準 5 2" xfId="6" xr:uid="{DDF74A62-B8FD-4162-B494-0179A7F8C1C8}"/>
    <cellStyle name="標準 6 2" xfId="5" xr:uid="{5F0DCDA6-FB8A-43D0-A319-37E7B05D970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20250;&#35336;&#31649;&#29702;&#26989;&#21209;/&#20196;&#21644;7&#24180;&#24230;/&#9733;&#26410;&#20966;&#29702;(&#12367;&#12412;&#12383;)/&#12304;&#26032;&#20844;&#20250;&#35336;&#21046;&#24230;&#12305;&#20196;&#21644;&#65302;&#24180;&#24230;&#27770;&#31639;&#36001;&#21209;&#35576;&#34920;&#12398;&#25552;&#20986;&#12395;&#12388;&#12356;&#12390;&#65288;&#36890;&#30693;&#65289;/20250916&#20877;&#20986;&#21147;/&#36001;&#21209;&#35576;&#34920;&#31561;&#20316;&#25104;&#12510;&#12463;&#12525;%20&#12398;&#12467;&#12500;&#1254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541DF1-8DC9-4275-BA1E-F8D23CF0B56D}">
  <dimension ref="A1:T194"/>
  <sheetViews>
    <sheetView showGridLines="0" tabSelected="1" view="pageBreakPreview" zoomScale="60" zoomScaleNormal="60" workbookViewId="0">
      <selection activeCell="X27" sqref="X27"/>
    </sheetView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256" width="8.875" style="1"/>
    <col min="257" max="257" width="7.125" style="1" customWidth="1"/>
    <col min="258" max="263" width="3.75" style="1" customWidth="1"/>
    <col min="264" max="264" width="21.375" style="1" customWidth="1"/>
    <col min="265" max="265" width="34.125" style="1" customWidth="1"/>
    <col min="266" max="266" width="1.125" style="1" customWidth="1"/>
    <col min="267" max="272" width="3.75" style="1" customWidth="1"/>
    <col min="273" max="273" width="21.375" style="1" customWidth="1"/>
    <col min="274" max="274" width="34.125" style="1" customWidth="1"/>
    <col min="275" max="275" width="1.125" style="1" customWidth="1"/>
    <col min="276" max="276" width="7.125" style="1" customWidth="1"/>
    <col min="277" max="512" width="8.875" style="1"/>
    <col min="513" max="513" width="7.125" style="1" customWidth="1"/>
    <col min="514" max="519" width="3.75" style="1" customWidth="1"/>
    <col min="520" max="520" width="21.375" style="1" customWidth="1"/>
    <col min="521" max="521" width="34.125" style="1" customWidth="1"/>
    <col min="522" max="522" width="1.125" style="1" customWidth="1"/>
    <col min="523" max="528" width="3.75" style="1" customWidth="1"/>
    <col min="529" max="529" width="21.375" style="1" customWidth="1"/>
    <col min="530" max="530" width="34.125" style="1" customWidth="1"/>
    <col min="531" max="531" width="1.125" style="1" customWidth="1"/>
    <col min="532" max="532" width="7.125" style="1" customWidth="1"/>
    <col min="533" max="768" width="8.875" style="1"/>
    <col min="769" max="769" width="7.125" style="1" customWidth="1"/>
    <col min="770" max="775" width="3.75" style="1" customWidth="1"/>
    <col min="776" max="776" width="21.375" style="1" customWidth="1"/>
    <col min="777" max="777" width="34.125" style="1" customWidth="1"/>
    <col min="778" max="778" width="1.125" style="1" customWidth="1"/>
    <col min="779" max="784" width="3.75" style="1" customWidth="1"/>
    <col min="785" max="785" width="21.375" style="1" customWidth="1"/>
    <col min="786" max="786" width="34.125" style="1" customWidth="1"/>
    <col min="787" max="787" width="1.125" style="1" customWidth="1"/>
    <col min="788" max="788" width="7.125" style="1" customWidth="1"/>
    <col min="789" max="1024" width="8.875" style="1"/>
    <col min="1025" max="1025" width="7.125" style="1" customWidth="1"/>
    <col min="1026" max="1031" width="3.75" style="1" customWidth="1"/>
    <col min="1032" max="1032" width="21.375" style="1" customWidth="1"/>
    <col min="1033" max="1033" width="34.125" style="1" customWidth="1"/>
    <col min="1034" max="1034" width="1.125" style="1" customWidth="1"/>
    <col min="1035" max="1040" width="3.75" style="1" customWidth="1"/>
    <col min="1041" max="1041" width="21.375" style="1" customWidth="1"/>
    <col min="1042" max="1042" width="34.125" style="1" customWidth="1"/>
    <col min="1043" max="1043" width="1.125" style="1" customWidth="1"/>
    <col min="1044" max="1044" width="7.125" style="1" customWidth="1"/>
    <col min="1045" max="1280" width="8.875" style="1"/>
    <col min="1281" max="1281" width="7.125" style="1" customWidth="1"/>
    <col min="1282" max="1287" width="3.75" style="1" customWidth="1"/>
    <col min="1288" max="1288" width="21.375" style="1" customWidth="1"/>
    <col min="1289" max="1289" width="34.125" style="1" customWidth="1"/>
    <col min="1290" max="1290" width="1.125" style="1" customWidth="1"/>
    <col min="1291" max="1296" width="3.75" style="1" customWidth="1"/>
    <col min="1297" max="1297" width="21.375" style="1" customWidth="1"/>
    <col min="1298" max="1298" width="34.125" style="1" customWidth="1"/>
    <col min="1299" max="1299" width="1.125" style="1" customWidth="1"/>
    <col min="1300" max="1300" width="7.125" style="1" customWidth="1"/>
    <col min="1301" max="1536" width="8.875" style="1"/>
    <col min="1537" max="1537" width="7.125" style="1" customWidth="1"/>
    <col min="1538" max="1543" width="3.75" style="1" customWidth="1"/>
    <col min="1544" max="1544" width="21.375" style="1" customWidth="1"/>
    <col min="1545" max="1545" width="34.125" style="1" customWidth="1"/>
    <col min="1546" max="1546" width="1.125" style="1" customWidth="1"/>
    <col min="1547" max="1552" width="3.75" style="1" customWidth="1"/>
    <col min="1553" max="1553" width="21.375" style="1" customWidth="1"/>
    <col min="1554" max="1554" width="34.125" style="1" customWidth="1"/>
    <col min="1555" max="1555" width="1.125" style="1" customWidth="1"/>
    <col min="1556" max="1556" width="7.125" style="1" customWidth="1"/>
    <col min="1557" max="1792" width="8.875" style="1"/>
    <col min="1793" max="1793" width="7.125" style="1" customWidth="1"/>
    <col min="1794" max="1799" width="3.75" style="1" customWidth="1"/>
    <col min="1800" max="1800" width="21.375" style="1" customWidth="1"/>
    <col min="1801" max="1801" width="34.125" style="1" customWidth="1"/>
    <col min="1802" max="1802" width="1.125" style="1" customWidth="1"/>
    <col min="1803" max="1808" width="3.75" style="1" customWidth="1"/>
    <col min="1809" max="1809" width="21.375" style="1" customWidth="1"/>
    <col min="1810" max="1810" width="34.125" style="1" customWidth="1"/>
    <col min="1811" max="1811" width="1.125" style="1" customWidth="1"/>
    <col min="1812" max="1812" width="7.125" style="1" customWidth="1"/>
    <col min="1813" max="2048" width="8.875" style="1"/>
    <col min="2049" max="2049" width="7.125" style="1" customWidth="1"/>
    <col min="2050" max="2055" width="3.75" style="1" customWidth="1"/>
    <col min="2056" max="2056" width="21.375" style="1" customWidth="1"/>
    <col min="2057" max="2057" width="34.125" style="1" customWidth="1"/>
    <col min="2058" max="2058" width="1.125" style="1" customWidth="1"/>
    <col min="2059" max="2064" width="3.75" style="1" customWidth="1"/>
    <col min="2065" max="2065" width="21.375" style="1" customWidth="1"/>
    <col min="2066" max="2066" width="34.125" style="1" customWidth="1"/>
    <col min="2067" max="2067" width="1.125" style="1" customWidth="1"/>
    <col min="2068" max="2068" width="7.125" style="1" customWidth="1"/>
    <col min="2069" max="2304" width="8.875" style="1"/>
    <col min="2305" max="2305" width="7.125" style="1" customWidth="1"/>
    <col min="2306" max="2311" width="3.75" style="1" customWidth="1"/>
    <col min="2312" max="2312" width="21.375" style="1" customWidth="1"/>
    <col min="2313" max="2313" width="34.125" style="1" customWidth="1"/>
    <col min="2314" max="2314" width="1.125" style="1" customWidth="1"/>
    <col min="2315" max="2320" width="3.75" style="1" customWidth="1"/>
    <col min="2321" max="2321" width="21.375" style="1" customWidth="1"/>
    <col min="2322" max="2322" width="34.125" style="1" customWidth="1"/>
    <col min="2323" max="2323" width="1.125" style="1" customWidth="1"/>
    <col min="2324" max="2324" width="7.125" style="1" customWidth="1"/>
    <col min="2325" max="2560" width="8.875" style="1"/>
    <col min="2561" max="2561" width="7.125" style="1" customWidth="1"/>
    <col min="2562" max="2567" width="3.75" style="1" customWidth="1"/>
    <col min="2568" max="2568" width="21.375" style="1" customWidth="1"/>
    <col min="2569" max="2569" width="34.125" style="1" customWidth="1"/>
    <col min="2570" max="2570" width="1.125" style="1" customWidth="1"/>
    <col min="2571" max="2576" width="3.75" style="1" customWidth="1"/>
    <col min="2577" max="2577" width="21.375" style="1" customWidth="1"/>
    <col min="2578" max="2578" width="34.125" style="1" customWidth="1"/>
    <col min="2579" max="2579" width="1.125" style="1" customWidth="1"/>
    <col min="2580" max="2580" width="7.125" style="1" customWidth="1"/>
    <col min="2581" max="2816" width="8.875" style="1"/>
    <col min="2817" max="2817" width="7.125" style="1" customWidth="1"/>
    <col min="2818" max="2823" width="3.75" style="1" customWidth="1"/>
    <col min="2824" max="2824" width="21.375" style="1" customWidth="1"/>
    <col min="2825" max="2825" width="34.125" style="1" customWidth="1"/>
    <col min="2826" max="2826" width="1.125" style="1" customWidth="1"/>
    <col min="2827" max="2832" width="3.75" style="1" customWidth="1"/>
    <col min="2833" max="2833" width="21.375" style="1" customWidth="1"/>
    <col min="2834" max="2834" width="34.125" style="1" customWidth="1"/>
    <col min="2835" max="2835" width="1.125" style="1" customWidth="1"/>
    <col min="2836" max="2836" width="7.125" style="1" customWidth="1"/>
    <col min="2837" max="3072" width="8.875" style="1"/>
    <col min="3073" max="3073" width="7.125" style="1" customWidth="1"/>
    <col min="3074" max="3079" width="3.75" style="1" customWidth="1"/>
    <col min="3080" max="3080" width="21.375" style="1" customWidth="1"/>
    <col min="3081" max="3081" width="34.125" style="1" customWidth="1"/>
    <col min="3082" max="3082" width="1.125" style="1" customWidth="1"/>
    <col min="3083" max="3088" width="3.75" style="1" customWidth="1"/>
    <col min="3089" max="3089" width="21.375" style="1" customWidth="1"/>
    <col min="3090" max="3090" width="34.125" style="1" customWidth="1"/>
    <col min="3091" max="3091" width="1.125" style="1" customWidth="1"/>
    <col min="3092" max="3092" width="7.125" style="1" customWidth="1"/>
    <col min="3093" max="3328" width="8.875" style="1"/>
    <col min="3329" max="3329" width="7.125" style="1" customWidth="1"/>
    <col min="3330" max="3335" width="3.75" style="1" customWidth="1"/>
    <col min="3336" max="3336" width="21.375" style="1" customWidth="1"/>
    <col min="3337" max="3337" width="34.125" style="1" customWidth="1"/>
    <col min="3338" max="3338" width="1.125" style="1" customWidth="1"/>
    <col min="3339" max="3344" width="3.75" style="1" customWidth="1"/>
    <col min="3345" max="3345" width="21.375" style="1" customWidth="1"/>
    <col min="3346" max="3346" width="34.125" style="1" customWidth="1"/>
    <col min="3347" max="3347" width="1.125" style="1" customWidth="1"/>
    <col min="3348" max="3348" width="7.125" style="1" customWidth="1"/>
    <col min="3349" max="3584" width="8.875" style="1"/>
    <col min="3585" max="3585" width="7.125" style="1" customWidth="1"/>
    <col min="3586" max="3591" width="3.75" style="1" customWidth="1"/>
    <col min="3592" max="3592" width="21.375" style="1" customWidth="1"/>
    <col min="3593" max="3593" width="34.125" style="1" customWidth="1"/>
    <col min="3594" max="3594" width="1.125" style="1" customWidth="1"/>
    <col min="3595" max="3600" width="3.75" style="1" customWidth="1"/>
    <col min="3601" max="3601" width="21.375" style="1" customWidth="1"/>
    <col min="3602" max="3602" width="34.125" style="1" customWidth="1"/>
    <col min="3603" max="3603" width="1.125" style="1" customWidth="1"/>
    <col min="3604" max="3604" width="7.125" style="1" customWidth="1"/>
    <col min="3605" max="3840" width="8.875" style="1"/>
    <col min="3841" max="3841" width="7.125" style="1" customWidth="1"/>
    <col min="3842" max="3847" width="3.75" style="1" customWidth="1"/>
    <col min="3848" max="3848" width="21.375" style="1" customWidth="1"/>
    <col min="3849" max="3849" width="34.125" style="1" customWidth="1"/>
    <col min="3850" max="3850" width="1.125" style="1" customWidth="1"/>
    <col min="3851" max="3856" width="3.75" style="1" customWidth="1"/>
    <col min="3857" max="3857" width="21.375" style="1" customWidth="1"/>
    <col min="3858" max="3858" width="34.125" style="1" customWidth="1"/>
    <col min="3859" max="3859" width="1.125" style="1" customWidth="1"/>
    <col min="3860" max="3860" width="7.125" style="1" customWidth="1"/>
    <col min="3861" max="4096" width="8.875" style="1"/>
    <col min="4097" max="4097" width="7.125" style="1" customWidth="1"/>
    <col min="4098" max="4103" width="3.75" style="1" customWidth="1"/>
    <col min="4104" max="4104" width="21.375" style="1" customWidth="1"/>
    <col min="4105" max="4105" width="34.125" style="1" customWidth="1"/>
    <col min="4106" max="4106" width="1.125" style="1" customWidth="1"/>
    <col min="4107" max="4112" width="3.75" style="1" customWidth="1"/>
    <col min="4113" max="4113" width="21.375" style="1" customWidth="1"/>
    <col min="4114" max="4114" width="34.125" style="1" customWidth="1"/>
    <col min="4115" max="4115" width="1.125" style="1" customWidth="1"/>
    <col min="4116" max="4116" width="7.125" style="1" customWidth="1"/>
    <col min="4117" max="4352" width="8.875" style="1"/>
    <col min="4353" max="4353" width="7.125" style="1" customWidth="1"/>
    <col min="4354" max="4359" width="3.75" style="1" customWidth="1"/>
    <col min="4360" max="4360" width="21.375" style="1" customWidth="1"/>
    <col min="4361" max="4361" width="34.125" style="1" customWidth="1"/>
    <col min="4362" max="4362" width="1.125" style="1" customWidth="1"/>
    <col min="4363" max="4368" width="3.75" style="1" customWidth="1"/>
    <col min="4369" max="4369" width="21.375" style="1" customWidth="1"/>
    <col min="4370" max="4370" width="34.125" style="1" customWidth="1"/>
    <col min="4371" max="4371" width="1.125" style="1" customWidth="1"/>
    <col min="4372" max="4372" width="7.125" style="1" customWidth="1"/>
    <col min="4373" max="4608" width="8.875" style="1"/>
    <col min="4609" max="4609" width="7.125" style="1" customWidth="1"/>
    <col min="4610" max="4615" width="3.75" style="1" customWidth="1"/>
    <col min="4616" max="4616" width="21.375" style="1" customWidth="1"/>
    <col min="4617" max="4617" width="34.125" style="1" customWidth="1"/>
    <col min="4618" max="4618" width="1.125" style="1" customWidth="1"/>
    <col min="4619" max="4624" width="3.75" style="1" customWidth="1"/>
    <col min="4625" max="4625" width="21.375" style="1" customWidth="1"/>
    <col min="4626" max="4626" width="34.125" style="1" customWidth="1"/>
    <col min="4627" max="4627" width="1.125" style="1" customWidth="1"/>
    <col min="4628" max="4628" width="7.125" style="1" customWidth="1"/>
    <col min="4629" max="4864" width="8.875" style="1"/>
    <col min="4865" max="4865" width="7.125" style="1" customWidth="1"/>
    <col min="4866" max="4871" width="3.75" style="1" customWidth="1"/>
    <col min="4872" max="4872" width="21.375" style="1" customWidth="1"/>
    <col min="4873" max="4873" width="34.125" style="1" customWidth="1"/>
    <col min="4874" max="4874" width="1.125" style="1" customWidth="1"/>
    <col min="4875" max="4880" width="3.75" style="1" customWidth="1"/>
    <col min="4881" max="4881" width="21.375" style="1" customWidth="1"/>
    <col min="4882" max="4882" width="34.125" style="1" customWidth="1"/>
    <col min="4883" max="4883" width="1.125" style="1" customWidth="1"/>
    <col min="4884" max="4884" width="7.125" style="1" customWidth="1"/>
    <col min="4885" max="5120" width="8.875" style="1"/>
    <col min="5121" max="5121" width="7.125" style="1" customWidth="1"/>
    <col min="5122" max="5127" width="3.75" style="1" customWidth="1"/>
    <col min="5128" max="5128" width="21.375" style="1" customWidth="1"/>
    <col min="5129" max="5129" width="34.125" style="1" customWidth="1"/>
    <col min="5130" max="5130" width="1.125" style="1" customWidth="1"/>
    <col min="5131" max="5136" width="3.75" style="1" customWidth="1"/>
    <col min="5137" max="5137" width="21.375" style="1" customWidth="1"/>
    <col min="5138" max="5138" width="34.125" style="1" customWidth="1"/>
    <col min="5139" max="5139" width="1.125" style="1" customWidth="1"/>
    <col min="5140" max="5140" width="7.125" style="1" customWidth="1"/>
    <col min="5141" max="5376" width="8.875" style="1"/>
    <col min="5377" max="5377" width="7.125" style="1" customWidth="1"/>
    <col min="5378" max="5383" width="3.75" style="1" customWidth="1"/>
    <col min="5384" max="5384" width="21.375" style="1" customWidth="1"/>
    <col min="5385" max="5385" width="34.125" style="1" customWidth="1"/>
    <col min="5386" max="5386" width="1.125" style="1" customWidth="1"/>
    <col min="5387" max="5392" width="3.75" style="1" customWidth="1"/>
    <col min="5393" max="5393" width="21.375" style="1" customWidth="1"/>
    <col min="5394" max="5394" width="34.125" style="1" customWidth="1"/>
    <col min="5395" max="5395" width="1.125" style="1" customWidth="1"/>
    <col min="5396" max="5396" width="7.125" style="1" customWidth="1"/>
    <col min="5397" max="5632" width="8.875" style="1"/>
    <col min="5633" max="5633" width="7.125" style="1" customWidth="1"/>
    <col min="5634" max="5639" width="3.75" style="1" customWidth="1"/>
    <col min="5640" max="5640" width="21.375" style="1" customWidth="1"/>
    <col min="5641" max="5641" width="34.125" style="1" customWidth="1"/>
    <col min="5642" max="5642" width="1.125" style="1" customWidth="1"/>
    <col min="5643" max="5648" width="3.75" style="1" customWidth="1"/>
    <col min="5649" max="5649" width="21.375" style="1" customWidth="1"/>
    <col min="5650" max="5650" width="34.125" style="1" customWidth="1"/>
    <col min="5651" max="5651" width="1.125" style="1" customWidth="1"/>
    <col min="5652" max="5652" width="7.125" style="1" customWidth="1"/>
    <col min="5653" max="5888" width="8.875" style="1"/>
    <col min="5889" max="5889" width="7.125" style="1" customWidth="1"/>
    <col min="5890" max="5895" width="3.75" style="1" customWidth="1"/>
    <col min="5896" max="5896" width="21.375" style="1" customWidth="1"/>
    <col min="5897" max="5897" width="34.125" style="1" customWidth="1"/>
    <col min="5898" max="5898" width="1.125" style="1" customWidth="1"/>
    <col min="5899" max="5904" width="3.75" style="1" customWidth="1"/>
    <col min="5905" max="5905" width="21.375" style="1" customWidth="1"/>
    <col min="5906" max="5906" width="34.125" style="1" customWidth="1"/>
    <col min="5907" max="5907" width="1.125" style="1" customWidth="1"/>
    <col min="5908" max="5908" width="7.125" style="1" customWidth="1"/>
    <col min="5909" max="6144" width="8.875" style="1"/>
    <col min="6145" max="6145" width="7.125" style="1" customWidth="1"/>
    <col min="6146" max="6151" width="3.75" style="1" customWidth="1"/>
    <col min="6152" max="6152" width="21.375" style="1" customWidth="1"/>
    <col min="6153" max="6153" width="34.125" style="1" customWidth="1"/>
    <col min="6154" max="6154" width="1.125" style="1" customWidth="1"/>
    <col min="6155" max="6160" width="3.75" style="1" customWidth="1"/>
    <col min="6161" max="6161" width="21.375" style="1" customWidth="1"/>
    <col min="6162" max="6162" width="34.125" style="1" customWidth="1"/>
    <col min="6163" max="6163" width="1.125" style="1" customWidth="1"/>
    <col min="6164" max="6164" width="7.125" style="1" customWidth="1"/>
    <col min="6165" max="6400" width="8.875" style="1"/>
    <col min="6401" max="6401" width="7.125" style="1" customWidth="1"/>
    <col min="6402" max="6407" width="3.75" style="1" customWidth="1"/>
    <col min="6408" max="6408" width="21.375" style="1" customWidth="1"/>
    <col min="6409" max="6409" width="34.125" style="1" customWidth="1"/>
    <col min="6410" max="6410" width="1.125" style="1" customWidth="1"/>
    <col min="6411" max="6416" width="3.75" style="1" customWidth="1"/>
    <col min="6417" max="6417" width="21.375" style="1" customWidth="1"/>
    <col min="6418" max="6418" width="34.125" style="1" customWidth="1"/>
    <col min="6419" max="6419" width="1.125" style="1" customWidth="1"/>
    <col min="6420" max="6420" width="7.125" style="1" customWidth="1"/>
    <col min="6421" max="6656" width="8.875" style="1"/>
    <col min="6657" max="6657" width="7.125" style="1" customWidth="1"/>
    <col min="6658" max="6663" width="3.75" style="1" customWidth="1"/>
    <col min="6664" max="6664" width="21.375" style="1" customWidth="1"/>
    <col min="6665" max="6665" width="34.125" style="1" customWidth="1"/>
    <col min="6666" max="6666" width="1.125" style="1" customWidth="1"/>
    <col min="6667" max="6672" width="3.75" style="1" customWidth="1"/>
    <col min="6673" max="6673" width="21.375" style="1" customWidth="1"/>
    <col min="6674" max="6674" width="34.125" style="1" customWidth="1"/>
    <col min="6675" max="6675" width="1.125" style="1" customWidth="1"/>
    <col min="6676" max="6676" width="7.125" style="1" customWidth="1"/>
    <col min="6677" max="6912" width="8.875" style="1"/>
    <col min="6913" max="6913" width="7.125" style="1" customWidth="1"/>
    <col min="6914" max="6919" width="3.75" style="1" customWidth="1"/>
    <col min="6920" max="6920" width="21.375" style="1" customWidth="1"/>
    <col min="6921" max="6921" width="34.125" style="1" customWidth="1"/>
    <col min="6922" max="6922" width="1.125" style="1" customWidth="1"/>
    <col min="6923" max="6928" width="3.75" style="1" customWidth="1"/>
    <col min="6929" max="6929" width="21.375" style="1" customWidth="1"/>
    <col min="6930" max="6930" width="34.125" style="1" customWidth="1"/>
    <col min="6931" max="6931" width="1.125" style="1" customWidth="1"/>
    <col min="6932" max="6932" width="7.125" style="1" customWidth="1"/>
    <col min="6933" max="7168" width="8.875" style="1"/>
    <col min="7169" max="7169" width="7.125" style="1" customWidth="1"/>
    <col min="7170" max="7175" width="3.75" style="1" customWidth="1"/>
    <col min="7176" max="7176" width="21.375" style="1" customWidth="1"/>
    <col min="7177" max="7177" width="34.125" style="1" customWidth="1"/>
    <col min="7178" max="7178" width="1.125" style="1" customWidth="1"/>
    <col min="7179" max="7184" width="3.75" style="1" customWidth="1"/>
    <col min="7185" max="7185" width="21.375" style="1" customWidth="1"/>
    <col min="7186" max="7186" width="34.125" style="1" customWidth="1"/>
    <col min="7187" max="7187" width="1.125" style="1" customWidth="1"/>
    <col min="7188" max="7188" width="7.125" style="1" customWidth="1"/>
    <col min="7189" max="7424" width="8.875" style="1"/>
    <col min="7425" max="7425" width="7.125" style="1" customWidth="1"/>
    <col min="7426" max="7431" width="3.75" style="1" customWidth="1"/>
    <col min="7432" max="7432" width="21.375" style="1" customWidth="1"/>
    <col min="7433" max="7433" width="34.125" style="1" customWidth="1"/>
    <col min="7434" max="7434" width="1.125" style="1" customWidth="1"/>
    <col min="7435" max="7440" width="3.75" style="1" customWidth="1"/>
    <col min="7441" max="7441" width="21.375" style="1" customWidth="1"/>
    <col min="7442" max="7442" width="34.125" style="1" customWidth="1"/>
    <col min="7443" max="7443" width="1.125" style="1" customWidth="1"/>
    <col min="7444" max="7444" width="7.125" style="1" customWidth="1"/>
    <col min="7445" max="7680" width="8.875" style="1"/>
    <col min="7681" max="7681" width="7.125" style="1" customWidth="1"/>
    <col min="7682" max="7687" width="3.75" style="1" customWidth="1"/>
    <col min="7688" max="7688" width="21.375" style="1" customWidth="1"/>
    <col min="7689" max="7689" width="34.125" style="1" customWidth="1"/>
    <col min="7690" max="7690" width="1.125" style="1" customWidth="1"/>
    <col min="7691" max="7696" width="3.75" style="1" customWidth="1"/>
    <col min="7697" max="7697" width="21.375" style="1" customWidth="1"/>
    <col min="7698" max="7698" width="34.125" style="1" customWidth="1"/>
    <col min="7699" max="7699" width="1.125" style="1" customWidth="1"/>
    <col min="7700" max="7700" width="7.125" style="1" customWidth="1"/>
    <col min="7701" max="7936" width="8.875" style="1"/>
    <col min="7937" max="7937" width="7.125" style="1" customWidth="1"/>
    <col min="7938" max="7943" width="3.75" style="1" customWidth="1"/>
    <col min="7944" max="7944" width="21.375" style="1" customWidth="1"/>
    <col min="7945" max="7945" width="34.125" style="1" customWidth="1"/>
    <col min="7946" max="7946" width="1.125" style="1" customWidth="1"/>
    <col min="7947" max="7952" width="3.75" style="1" customWidth="1"/>
    <col min="7953" max="7953" width="21.375" style="1" customWidth="1"/>
    <col min="7954" max="7954" width="34.125" style="1" customWidth="1"/>
    <col min="7955" max="7955" width="1.125" style="1" customWidth="1"/>
    <col min="7956" max="7956" width="7.125" style="1" customWidth="1"/>
    <col min="7957" max="8192" width="8.875" style="1"/>
    <col min="8193" max="8193" width="7.125" style="1" customWidth="1"/>
    <col min="8194" max="8199" width="3.75" style="1" customWidth="1"/>
    <col min="8200" max="8200" width="21.375" style="1" customWidth="1"/>
    <col min="8201" max="8201" width="34.125" style="1" customWidth="1"/>
    <col min="8202" max="8202" width="1.125" style="1" customWidth="1"/>
    <col min="8203" max="8208" width="3.75" style="1" customWidth="1"/>
    <col min="8209" max="8209" width="21.375" style="1" customWidth="1"/>
    <col min="8210" max="8210" width="34.125" style="1" customWidth="1"/>
    <col min="8211" max="8211" width="1.125" style="1" customWidth="1"/>
    <col min="8212" max="8212" width="7.125" style="1" customWidth="1"/>
    <col min="8213" max="8448" width="8.875" style="1"/>
    <col min="8449" max="8449" width="7.125" style="1" customWidth="1"/>
    <col min="8450" max="8455" width="3.75" style="1" customWidth="1"/>
    <col min="8456" max="8456" width="21.375" style="1" customWidth="1"/>
    <col min="8457" max="8457" width="34.125" style="1" customWidth="1"/>
    <col min="8458" max="8458" width="1.125" style="1" customWidth="1"/>
    <col min="8459" max="8464" width="3.75" style="1" customWidth="1"/>
    <col min="8465" max="8465" width="21.375" style="1" customWidth="1"/>
    <col min="8466" max="8466" width="34.125" style="1" customWidth="1"/>
    <col min="8467" max="8467" width="1.125" style="1" customWidth="1"/>
    <col min="8468" max="8468" width="7.125" style="1" customWidth="1"/>
    <col min="8469" max="8704" width="8.875" style="1"/>
    <col min="8705" max="8705" width="7.125" style="1" customWidth="1"/>
    <col min="8706" max="8711" width="3.75" style="1" customWidth="1"/>
    <col min="8712" max="8712" width="21.375" style="1" customWidth="1"/>
    <col min="8713" max="8713" width="34.125" style="1" customWidth="1"/>
    <col min="8714" max="8714" width="1.125" style="1" customWidth="1"/>
    <col min="8715" max="8720" width="3.75" style="1" customWidth="1"/>
    <col min="8721" max="8721" width="21.375" style="1" customWidth="1"/>
    <col min="8722" max="8722" width="34.125" style="1" customWidth="1"/>
    <col min="8723" max="8723" width="1.125" style="1" customWidth="1"/>
    <col min="8724" max="8724" width="7.125" style="1" customWidth="1"/>
    <col min="8725" max="8960" width="8.875" style="1"/>
    <col min="8961" max="8961" width="7.125" style="1" customWidth="1"/>
    <col min="8962" max="8967" width="3.75" style="1" customWidth="1"/>
    <col min="8968" max="8968" width="21.375" style="1" customWidth="1"/>
    <col min="8969" max="8969" width="34.125" style="1" customWidth="1"/>
    <col min="8970" max="8970" width="1.125" style="1" customWidth="1"/>
    <col min="8971" max="8976" width="3.75" style="1" customWidth="1"/>
    <col min="8977" max="8977" width="21.375" style="1" customWidth="1"/>
    <col min="8978" max="8978" width="34.125" style="1" customWidth="1"/>
    <col min="8979" max="8979" width="1.125" style="1" customWidth="1"/>
    <col min="8980" max="8980" width="7.125" style="1" customWidth="1"/>
    <col min="8981" max="9216" width="8.875" style="1"/>
    <col min="9217" max="9217" width="7.125" style="1" customWidth="1"/>
    <col min="9218" max="9223" width="3.75" style="1" customWidth="1"/>
    <col min="9224" max="9224" width="21.375" style="1" customWidth="1"/>
    <col min="9225" max="9225" width="34.125" style="1" customWidth="1"/>
    <col min="9226" max="9226" width="1.125" style="1" customWidth="1"/>
    <col min="9227" max="9232" width="3.75" style="1" customWidth="1"/>
    <col min="9233" max="9233" width="21.375" style="1" customWidth="1"/>
    <col min="9234" max="9234" width="34.125" style="1" customWidth="1"/>
    <col min="9235" max="9235" width="1.125" style="1" customWidth="1"/>
    <col min="9236" max="9236" width="7.125" style="1" customWidth="1"/>
    <col min="9237" max="9472" width="8.875" style="1"/>
    <col min="9473" max="9473" width="7.125" style="1" customWidth="1"/>
    <col min="9474" max="9479" width="3.75" style="1" customWidth="1"/>
    <col min="9480" max="9480" width="21.375" style="1" customWidth="1"/>
    <col min="9481" max="9481" width="34.125" style="1" customWidth="1"/>
    <col min="9482" max="9482" width="1.125" style="1" customWidth="1"/>
    <col min="9483" max="9488" width="3.75" style="1" customWidth="1"/>
    <col min="9489" max="9489" width="21.375" style="1" customWidth="1"/>
    <col min="9490" max="9490" width="34.125" style="1" customWidth="1"/>
    <col min="9491" max="9491" width="1.125" style="1" customWidth="1"/>
    <col min="9492" max="9492" width="7.125" style="1" customWidth="1"/>
    <col min="9493" max="9728" width="8.875" style="1"/>
    <col min="9729" max="9729" width="7.125" style="1" customWidth="1"/>
    <col min="9730" max="9735" width="3.75" style="1" customWidth="1"/>
    <col min="9736" max="9736" width="21.375" style="1" customWidth="1"/>
    <col min="9737" max="9737" width="34.125" style="1" customWidth="1"/>
    <col min="9738" max="9738" width="1.125" style="1" customWidth="1"/>
    <col min="9739" max="9744" width="3.75" style="1" customWidth="1"/>
    <col min="9745" max="9745" width="21.375" style="1" customWidth="1"/>
    <col min="9746" max="9746" width="34.125" style="1" customWidth="1"/>
    <col min="9747" max="9747" width="1.125" style="1" customWidth="1"/>
    <col min="9748" max="9748" width="7.125" style="1" customWidth="1"/>
    <col min="9749" max="9984" width="8.875" style="1"/>
    <col min="9985" max="9985" width="7.125" style="1" customWidth="1"/>
    <col min="9986" max="9991" width="3.75" style="1" customWidth="1"/>
    <col min="9992" max="9992" width="21.375" style="1" customWidth="1"/>
    <col min="9993" max="9993" width="34.125" style="1" customWidth="1"/>
    <col min="9994" max="9994" width="1.125" style="1" customWidth="1"/>
    <col min="9995" max="10000" width="3.75" style="1" customWidth="1"/>
    <col min="10001" max="10001" width="21.375" style="1" customWidth="1"/>
    <col min="10002" max="10002" width="34.125" style="1" customWidth="1"/>
    <col min="10003" max="10003" width="1.125" style="1" customWidth="1"/>
    <col min="10004" max="10004" width="7.125" style="1" customWidth="1"/>
    <col min="10005" max="10240" width="8.875" style="1"/>
    <col min="10241" max="10241" width="7.125" style="1" customWidth="1"/>
    <col min="10242" max="10247" width="3.75" style="1" customWidth="1"/>
    <col min="10248" max="10248" width="21.375" style="1" customWidth="1"/>
    <col min="10249" max="10249" width="34.125" style="1" customWidth="1"/>
    <col min="10250" max="10250" width="1.125" style="1" customWidth="1"/>
    <col min="10251" max="10256" width="3.75" style="1" customWidth="1"/>
    <col min="10257" max="10257" width="21.375" style="1" customWidth="1"/>
    <col min="10258" max="10258" width="34.125" style="1" customWidth="1"/>
    <col min="10259" max="10259" width="1.125" style="1" customWidth="1"/>
    <col min="10260" max="10260" width="7.125" style="1" customWidth="1"/>
    <col min="10261" max="10496" width="8.875" style="1"/>
    <col min="10497" max="10497" width="7.125" style="1" customWidth="1"/>
    <col min="10498" max="10503" width="3.75" style="1" customWidth="1"/>
    <col min="10504" max="10504" width="21.375" style="1" customWidth="1"/>
    <col min="10505" max="10505" width="34.125" style="1" customWidth="1"/>
    <col min="10506" max="10506" width="1.125" style="1" customWidth="1"/>
    <col min="10507" max="10512" width="3.75" style="1" customWidth="1"/>
    <col min="10513" max="10513" width="21.375" style="1" customWidth="1"/>
    <col min="10514" max="10514" width="34.125" style="1" customWidth="1"/>
    <col min="10515" max="10515" width="1.125" style="1" customWidth="1"/>
    <col min="10516" max="10516" width="7.125" style="1" customWidth="1"/>
    <col min="10517" max="10752" width="8.875" style="1"/>
    <col min="10753" max="10753" width="7.125" style="1" customWidth="1"/>
    <col min="10754" max="10759" width="3.75" style="1" customWidth="1"/>
    <col min="10760" max="10760" width="21.375" style="1" customWidth="1"/>
    <col min="10761" max="10761" width="34.125" style="1" customWidth="1"/>
    <col min="10762" max="10762" width="1.125" style="1" customWidth="1"/>
    <col min="10763" max="10768" width="3.75" style="1" customWidth="1"/>
    <col min="10769" max="10769" width="21.375" style="1" customWidth="1"/>
    <col min="10770" max="10770" width="34.125" style="1" customWidth="1"/>
    <col min="10771" max="10771" width="1.125" style="1" customWidth="1"/>
    <col min="10772" max="10772" width="7.125" style="1" customWidth="1"/>
    <col min="10773" max="11008" width="8.875" style="1"/>
    <col min="11009" max="11009" width="7.125" style="1" customWidth="1"/>
    <col min="11010" max="11015" width="3.75" style="1" customWidth="1"/>
    <col min="11016" max="11016" width="21.375" style="1" customWidth="1"/>
    <col min="11017" max="11017" width="34.125" style="1" customWidth="1"/>
    <col min="11018" max="11018" width="1.125" style="1" customWidth="1"/>
    <col min="11019" max="11024" width="3.75" style="1" customWidth="1"/>
    <col min="11025" max="11025" width="21.375" style="1" customWidth="1"/>
    <col min="11026" max="11026" width="34.125" style="1" customWidth="1"/>
    <col min="11027" max="11027" width="1.125" style="1" customWidth="1"/>
    <col min="11028" max="11028" width="7.125" style="1" customWidth="1"/>
    <col min="11029" max="11264" width="8.875" style="1"/>
    <col min="11265" max="11265" width="7.125" style="1" customWidth="1"/>
    <col min="11266" max="11271" width="3.75" style="1" customWidth="1"/>
    <col min="11272" max="11272" width="21.375" style="1" customWidth="1"/>
    <col min="11273" max="11273" width="34.125" style="1" customWidth="1"/>
    <col min="11274" max="11274" width="1.125" style="1" customWidth="1"/>
    <col min="11275" max="11280" width="3.75" style="1" customWidth="1"/>
    <col min="11281" max="11281" width="21.375" style="1" customWidth="1"/>
    <col min="11282" max="11282" width="34.125" style="1" customWidth="1"/>
    <col min="11283" max="11283" width="1.125" style="1" customWidth="1"/>
    <col min="11284" max="11284" width="7.125" style="1" customWidth="1"/>
    <col min="11285" max="11520" width="8.875" style="1"/>
    <col min="11521" max="11521" width="7.125" style="1" customWidth="1"/>
    <col min="11522" max="11527" width="3.75" style="1" customWidth="1"/>
    <col min="11528" max="11528" width="21.375" style="1" customWidth="1"/>
    <col min="11529" max="11529" width="34.125" style="1" customWidth="1"/>
    <col min="11530" max="11530" width="1.125" style="1" customWidth="1"/>
    <col min="11531" max="11536" width="3.75" style="1" customWidth="1"/>
    <col min="11537" max="11537" width="21.375" style="1" customWidth="1"/>
    <col min="11538" max="11538" width="34.125" style="1" customWidth="1"/>
    <col min="11539" max="11539" width="1.125" style="1" customWidth="1"/>
    <col min="11540" max="11540" width="7.125" style="1" customWidth="1"/>
    <col min="11541" max="11776" width="8.875" style="1"/>
    <col min="11777" max="11777" width="7.125" style="1" customWidth="1"/>
    <col min="11778" max="11783" width="3.75" style="1" customWidth="1"/>
    <col min="11784" max="11784" width="21.375" style="1" customWidth="1"/>
    <col min="11785" max="11785" width="34.125" style="1" customWidth="1"/>
    <col min="11786" max="11786" width="1.125" style="1" customWidth="1"/>
    <col min="11787" max="11792" width="3.75" style="1" customWidth="1"/>
    <col min="11793" max="11793" width="21.375" style="1" customWidth="1"/>
    <col min="11794" max="11794" width="34.125" style="1" customWidth="1"/>
    <col min="11795" max="11795" width="1.125" style="1" customWidth="1"/>
    <col min="11796" max="11796" width="7.125" style="1" customWidth="1"/>
    <col min="11797" max="12032" width="8.875" style="1"/>
    <col min="12033" max="12033" width="7.125" style="1" customWidth="1"/>
    <col min="12034" max="12039" width="3.75" style="1" customWidth="1"/>
    <col min="12040" max="12040" width="21.375" style="1" customWidth="1"/>
    <col min="12041" max="12041" width="34.125" style="1" customWidth="1"/>
    <col min="12042" max="12042" width="1.125" style="1" customWidth="1"/>
    <col min="12043" max="12048" width="3.75" style="1" customWidth="1"/>
    <col min="12049" max="12049" width="21.375" style="1" customWidth="1"/>
    <col min="12050" max="12050" width="34.125" style="1" customWidth="1"/>
    <col min="12051" max="12051" width="1.125" style="1" customWidth="1"/>
    <col min="12052" max="12052" width="7.125" style="1" customWidth="1"/>
    <col min="12053" max="12288" width="8.875" style="1"/>
    <col min="12289" max="12289" width="7.125" style="1" customWidth="1"/>
    <col min="12290" max="12295" width="3.75" style="1" customWidth="1"/>
    <col min="12296" max="12296" width="21.375" style="1" customWidth="1"/>
    <col min="12297" max="12297" width="34.125" style="1" customWidth="1"/>
    <col min="12298" max="12298" width="1.125" style="1" customWidth="1"/>
    <col min="12299" max="12304" width="3.75" style="1" customWidth="1"/>
    <col min="12305" max="12305" width="21.375" style="1" customWidth="1"/>
    <col min="12306" max="12306" width="34.125" style="1" customWidth="1"/>
    <col min="12307" max="12307" width="1.125" style="1" customWidth="1"/>
    <col min="12308" max="12308" width="7.125" style="1" customWidth="1"/>
    <col min="12309" max="12544" width="8.875" style="1"/>
    <col min="12545" max="12545" width="7.125" style="1" customWidth="1"/>
    <col min="12546" max="12551" width="3.75" style="1" customWidth="1"/>
    <col min="12552" max="12552" width="21.375" style="1" customWidth="1"/>
    <col min="12553" max="12553" width="34.125" style="1" customWidth="1"/>
    <col min="12554" max="12554" width="1.125" style="1" customWidth="1"/>
    <col min="12555" max="12560" width="3.75" style="1" customWidth="1"/>
    <col min="12561" max="12561" width="21.375" style="1" customWidth="1"/>
    <col min="12562" max="12562" width="34.125" style="1" customWidth="1"/>
    <col min="12563" max="12563" width="1.125" style="1" customWidth="1"/>
    <col min="12564" max="12564" width="7.125" style="1" customWidth="1"/>
    <col min="12565" max="12800" width="8.875" style="1"/>
    <col min="12801" max="12801" width="7.125" style="1" customWidth="1"/>
    <col min="12802" max="12807" width="3.75" style="1" customWidth="1"/>
    <col min="12808" max="12808" width="21.375" style="1" customWidth="1"/>
    <col min="12809" max="12809" width="34.125" style="1" customWidth="1"/>
    <col min="12810" max="12810" width="1.125" style="1" customWidth="1"/>
    <col min="12811" max="12816" width="3.75" style="1" customWidth="1"/>
    <col min="12817" max="12817" width="21.375" style="1" customWidth="1"/>
    <col min="12818" max="12818" width="34.125" style="1" customWidth="1"/>
    <col min="12819" max="12819" width="1.125" style="1" customWidth="1"/>
    <col min="12820" max="12820" width="7.125" style="1" customWidth="1"/>
    <col min="12821" max="13056" width="8.875" style="1"/>
    <col min="13057" max="13057" width="7.125" style="1" customWidth="1"/>
    <col min="13058" max="13063" width="3.75" style="1" customWidth="1"/>
    <col min="13064" max="13064" width="21.375" style="1" customWidth="1"/>
    <col min="13065" max="13065" width="34.125" style="1" customWidth="1"/>
    <col min="13066" max="13066" width="1.125" style="1" customWidth="1"/>
    <col min="13067" max="13072" width="3.75" style="1" customWidth="1"/>
    <col min="13073" max="13073" width="21.375" style="1" customWidth="1"/>
    <col min="13074" max="13074" width="34.125" style="1" customWidth="1"/>
    <col min="13075" max="13075" width="1.125" style="1" customWidth="1"/>
    <col min="13076" max="13076" width="7.125" style="1" customWidth="1"/>
    <col min="13077" max="13312" width="8.875" style="1"/>
    <col min="13313" max="13313" width="7.125" style="1" customWidth="1"/>
    <col min="13314" max="13319" width="3.75" style="1" customWidth="1"/>
    <col min="13320" max="13320" width="21.375" style="1" customWidth="1"/>
    <col min="13321" max="13321" width="34.125" style="1" customWidth="1"/>
    <col min="13322" max="13322" width="1.125" style="1" customWidth="1"/>
    <col min="13323" max="13328" width="3.75" style="1" customWidth="1"/>
    <col min="13329" max="13329" width="21.375" style="1" customWidth="1"/>
    <col min="13330" max="13330" width="34.125" style="1" customWidth="1"/>
    <col min="13331" max="13331" width="1.125" style="1" customWidth="1"/>
    <col min="13332" max="13332" width="7.125" style="1" customWidth="1"/>
    <col min="13333" max="13568" width="8.875" style="1"/>
    <col min="13569" max="13569" width="7.125" style="1" customWidth="1"/>
    <col min="13570" max="13575" width="3.75" style="1" customWidth="1"/>
    <col min="13576" max="13576" width="21.375" style="1" customWidth="1"/>
    <col min="13577" max="13577" width="34.125" style="1" customWidth="1"/>
    <col min="13578" max="13578" width="1.125" style="1" customWidth="1"/>
    <col min="13579" max="13584" width="3.75" style="1" customWidth="1"/>
    <col min="13585" max="13585" width="21.375" style="1" customWidth="1"/>
    <col min="13586" max="13586" width="34.125" style="1" customWidth="1"/>
    <col min="13587" max="13587" width="1.125" style="1" customWidth="1"/>
    <col min="13588" max="13588" width="7.125" style="1" customWidth="1"/>
    <col min="13589" max="13824" width="8.875" style="1"/>
    <col min="13825" max="13825" width="7.125" style="1" customWidth="1"/>
    <col min="13826" max="13831" width="3.75" style="1" customWidth="1"/>
    <col min="13832" max="13832" width="21.375" style="1" customWidth="1"/>
    <col min="13833" max="13833" width="34.125" style="1" customWidth="1"/>
    <col min="13834" max="13834" width="1.125" style="1" customWidth="1"/>
    <col min="13835" max="13840" width="3.75" style="1" customWidth="1"/>
    <col min="13841" max="13841" width="21.375" style="1" customWidth="1"/>
    <col min="13842" max="13842" width="34.125" style="1" customWidth="1"/>
    <col min="13843" max="13843" width="1.125" style="1" customWidth="1"/>
    <col min="13844" max="13844" width="7.125" style="1" customWidth="1"/>
    <col min="13845" max="14080" width="8.875" style="1"/>
    <col min="14081" max="14081" width="7.125" style="1" customWidth="1"/>
    <col min="14082" max="14087" width="3.75" style="1" customWidth="1"/>
    <col min="14088" max="14088" width="21.375" style="1" customWidth="1"/>
    <col min="14089" max="14089" width="34.125" style="1" customWidth="1"/>
    <col min="14090" max="14090" width="1.125" style="1" customWidth="1"/>
    <col min="14091" max="14096" width="3.75" style="1" customWidth="1"/>
    <col min="14097" max="14097" width="21.375" style="1" customWidth="1"/>
    <col min="14098" max="14098" width="34.125" style="1" customWidth="1"/>
    <col min="14099" max="14099" width="1.125" style="1" customWidth="1"/>
    <col min="14100" max="14100" width="7.125" style="1" customWidth="1"/>
    <col min="14101" max="14336" width="8.875" style="1"/>
    <col min="14337" max="14337" width="7.125" style="1" customWidth="1"/>
    <col min="14338" max="14343" width="3.75" style="1" customWidth="1"/>
    <col min="14344" max="14344" width="21.375" style="1" customWidth="1"/>
    <col min="14345" max="14345" width="34.125" style="1" customWidth="1"/>
    <col min="14346" max="14346" width="1.125" style="1" customWidth="1"/>
    <col min="14347" max="14352" width="3.75" style="1" customWidth="1"/>
    <col min="14353" max="14353" width="21.375" style="1" customWidth="1"/>
    <col min="14354" max="14354" width="34.125" style="1" customWidth="1"/>
    <col min="14355" max="14355" width="1.125" style="1" customWidth="1"/>
    <col min="14356" max="14356" width="7.125" style="1" customWidth="1"/>
    <col min="14357" max="14592" width="8.875" style="1"/>
    <col min="14593" max="14593" width="7.125" style="1" customWidth="1"/>
    <col min="14594" max="14599" width="3.75" style="1" customWidth="1"/>
    <col min="14600" max="14600" width="21.375" style="1" customWidth="1"/>
    <col min="14601" max="14601" width="34.125" style="1" customWidth="1"/>
    <col min="14602" max="14602" width="1.125" style="1" customWidth="1"/>
    <col min="14603" max="14608" width="3.75" style="1" customWidth="1"/>
    <col min="14609" max="14609" width="21.375" style="1" customWidth="1"/>
    <col min="14610" max="14610" width="34.125" style="1" customWidth="1"/>
    <col min="14611" max="14611" width="1.125" style="1" customWidth="1"/>
    <col min="14612" max="14612" width="7.125" style="1" customWidth="1"/>
    <col min="14613" max="14848" width="8.875" style="1"/>
    <col min="14849" max="14849" width="7.125" style="1" customWidth="1"/>
    <col min="14850" max="14855" width="3.75" style="1" customWidth="1"/>
    <col min="14856" max="14856" width="21.375" style="1" customWidth="1"/>
    <col min="14857" max="14857" width="34.125" style="1" customWidth="1"/>
    <col min="14858" max="14858" width="1.125" style="1" customWidth="1"/>
    <col min="14859" max="14864" width="3.75" style="1" customWidth="1"/>
    <col min="14865" max="14865" width="21.375" style="1" customWidth="1"/>
    <col min="14866" max="14866" width="34.125" style="1" customWidth="1"/>
    <col min="14867" max="14867" width="1.125" style="1" customWidth="1"/>
    <col min="14868" max="14868" width="7.125" style="1" customWidth="1"/>
    <col min="14869" max="15104" width="8.875" style="1"/>
    <col min="15105" max="15105" width="7.125" style="1" customWidth="1"/>
    <col min="15106" max="15111" width="3.75" style="1" customWidth="1"/>
    <col min="15112" max="15112" width="21.375" style="1" customWidth="1"/>
    <col min="15113" max="15113" width="34.125" style="1" customWidth="1"/>
    <col min="15114" max="15114" width="1.125" style="1" customWidth="1"/>
    <col min="15115" max="15120" width="3.75" style="1" customWidth="1"/>
    <col min="15121" max="15121" width="21.375" style="1" customWidth="1"/>
    <col min="15122" max="15122" width="34.125" style="1" customWidth="1"/>
    <col min="15123" max="15123" width="1.125" style="1" customWidth="1"/>
    <col min="15124" max="15124" width="7.125" style="1" customWidth="1"/>
    <col min="15125" max="15360" width="8.875" style="1"/>
    <col min="15361" max="15361" width="7.125" style="1" customWidth="1"/>
    <col min="15362" max="15367" width="3.75" style="1" customWidth="1"/>
    <col min="15368" max="15368" width="21.375" style="1" customWidth="1"/>
    <col min="15369" max="15369" width="34.125" style="1" customWidth="1"/>
    <col min="15370" max="15370" width="1.125" style="1" customWidth="1"/>
    <col min="15371" max="15376" width="3.75" style="1" customWidth="1"/>
    <col min="15377" max="15377" width="21.375" style="1" customWidth="1"/>
    <col min="15378" max="15378" width="34.125" style="1" customWidth="1"/>
    <col min="15379" max="15379" width="1.125" style="1" customWidth="1"/>
    <col min="15380" max="15380" width="7.125" style="1" customWidth="1"/>
    <col min="15381" max="15616" width="8.875" style="1"/>
    <col min="15617" max="15617" width="7.125" style="1" customWidth="1"/>
    <col min="15618" max="15623" width="3.75" style="1" customWidth="1"/>
    <col min="15624" max="15624" width="21.375" style="1" customWidth="1"/>
    <col min="15625" max="15625" width="34.125" style="1" customWidth="1"/>
    <col min="15626" max="15626" width="1.125" style="1" customWidth="1"/>
    <col min="15627" max="15632" width="3.75" style="1" customWidth="1"/>
    <col min="15633" max="15633" width="21.375" style="1" customWidth="1"/>
    <col min="15634" max="15634" width="34.125" style="1" customWidth="1"/>
    <col min="15635" max="15635" width="1.125" style="1" customWidth="1"/>
    <col min="15636" max="15636" width="7.125" style="1" customWidth="1"/>
    <col min="15637" max="15872" width="8.875" style="1"/>
    <col min="15873" max="15873" width="7.125" style="1" customWidth="1"/>
    <col min="15874" max="15879" width="3.75" style="1" customWidth="1"/>
    <col min="15880" max="15880" width="21.375" style="1" customWidth="1"/>
    <col min="15881" max="15881" width="34.125" style="1" customWidth="1"/>
    <col min="15882" max="15882" width="1.125" style="1" customWidth="1"/>
    <col min="15883" max="15888" width="3.75" style="1" customWidth="1"/>
    <col min="15889" max="15889" width="21.375" style="1" customWidth="1"/>
    <col min="15890" max="15890" width="34.125" style="1" customWidth="1"/>
    <col min="15891" max="15891" width="1.125" style="1" customWidth="1"/>
    <col min="15892" max="15892" width="7.125" style="1" customWidth="1"/>
    <col min="15893" max="16128" width="8.875" style="1"/>
    <col min="16129" max="16129" width="7.125" style="1" customWidth="1"/>
    <col min="16130" max="16135" width="3.75" style="1" customWidth="1"/>
    <col min="16136" max="16136" width="21.375" style="1" customWidth="1"/>
    <col min="16137" max="16137" width="34.125" style="1" customWidth="1"/>
    <col min="16138" max="16138" width="1.125" style="1" customWidth="1"/>
    <col min="16139" max="16144" width="3.75" style="1" customWidth="1"/>
    <col min="16145" max="16145" width="21.375" style="1" customWidth="1"/>
    <col min="16146" max="16146" width="34.125" style="1" customWidth="1"/>
    <col min="16147" max="16147" width="1.125" style="1" customWidth="1"/>
    <col min="16148" max="16148" width="7.125" style="1" customWidth="1"/>
    <col min="16149" max="16384" width="8.875" style="1"/>
  </cols>
  <sheetData>
    <row r="1" spans="1:20" ht="22.5" customHeight="1" x14ac:dyDescent="0.4">
      <c r="B1" s="12" t="s">
        <v>5</v>
      </c>
    </row>
    <row r="2" spans="1:20" ht="22.5" customHeight="1" x14ac:dyDescent="0.4">
      <c r="B2" s="12" t="s">
        <v>6</v>
      </c>
    </row>
    <row r="3" spans="1:20" ht="22.5" customHeight="1" x14ac:dyDescent="0.4">
      <c r="B3" s="12" t="s">
        <v>7</v>
      </c>
    </row>
    <row r="4" spans="1:20" ht="22.5" customHeight="1" x14ac:dyDescent="0.4">
      <c r="A4" s="13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5"/>
    </row>
    <row r="5" spans="1:20" ht="22.5" customHeight="1" x14ac:dyDescent="0.2">
      <c r="A5" s="16"/>
      <c r="C5" s="17"/>
      <c r="D5" s="17"/>
      <c r="E5" s="17"/>
      <c r="F5" s="17"/>
      <c r="G5" s="17"/>
      <c r="H5" s="17"/>
      <c r="I5" s="17"/>
      <c r="J5" s="17"/>
      <c r="K5" s="17"/>
      <c r="L5" s="17"/>
      <c r="M5" s="17"/>
      <c r="N5" s="17"/>
      <c r="O5" s="17"/>
      <c r="P5" s="17"/>
      <c r="Q5" s="17"/>
      <c r="R5" s="17"/>
      <c r="S5" s="17"/>
      <c r="T5" s="18"/>
    </row>
    <row r="6" spans="1:20" ht="28.5" x14ac:dyDescent="0.3">
      <c r="A6" s="16"/>
      <c r="B6" s="122" t="s">
        <v>8</v>
      </c>
      <c r="C6" s="122"/>
      <c r="D6" s="122"/>
      <c r="E6" s="122"/>
      <c r="F6" s="122"/>
      <c r="G6" s="122"/>
      <c r="H6" s="122"/>
      <c r="I6" s="122"/>
      <c r="J6" s="122"/>
      <c r="K6" s="122"/>
      <c r="L6" s="122"/>
      <c r="M6" s="122"/>
      <c r="N6" s="122"/>
      <c r="O6" s="122"/>
      <c r="P6" s="122"/>
      <c r="Q6" s="122"/>
      <c r="R6" s="122"/>
      <c r="S6" s="19"/>
      <c r="T6" s="18"/>
    </row>
    <row r="7" spans="1:20" ht="22.5" customHeight="1" x14ac:dyDescent="0.4">
      <c r="A7" s="16"/>
      <c r="B7" s="123" t="s">
        <v>9</v>
      </c>
      <c r="C7" s="123"/>
      <c r="D7" s="123"/>
      <c r="E7" s="123"/>
      <c r="F7" s="123"/>
      <c r="G7" s="123"/>
      <c r="H7" s="123"/>
      <c r="I7" s="123"/>
      <c r="J7" s="123"/>
      <c r="K7" s="123"/>
      <c r="L7" s="123"/>
      <c r="M7" s="123"/>
      <c r="N7" s="123"/>
      <c r="O7" s="123"/>
      <c r="P7" s="123"/>
      <c r="Q7" s="123"/>
      <c r="R7" s="123"/>
      <c r="S7" s="20"/>
      <c r="T7" s="18"/>
    </row>
    <row r="8" spans="1:20" ht="22.5" customHeight="1" x14ac:dyDescent="0.4">
      <c r="A8" s="16"/>
      <c r="B8" s="21"/>
      <c r="C8" s="21"/>
      <c r="D8" s="21"/>
      <c r="E8" s="21"/>
      <c r="F8" s="21"/>
      <c r="G8" s="21"/>
      <c r="H8" s="21"/>
      <c r="I8" s="21"/>
      <c r="J8" s="21"/>
      <c r="K8" s="119"/>
      <c r="L8" s="119"/>
      <c r="M8" s="119"/>
      <c r="N8" s="120" t="s">
        <v>10</v>
      </c>
      <c r="O8" s="120"/>
      <c r="P8" s="120"/>
      <c r="Q8" s="22"/>
      <c r="R8" s="21"/>
      <c r="S8" s="21"/>
      <c r="T8" s="18"/>
    </row>
    <row r="9" spans="1:20" ht="22.5" customHeight="1" x14ac:dyDescent="0.4">
      <c r="A9" s="16"/>
      <c r="B9" s="121"/>
      <c r="C9" s="121"/>
      <c r="D9" s="121"/>
      <c r="F9" s="23"/>
      <c r="R9" s="24" t="s">
        <v>11</v>
      </c>
      <c r="S9" s="25"/>
      <c r="T9" s="18"/>
    </row>
    <row r="10" spans="1:20" ht="22.5" customHeight="1" x14ac:dyDescent="0.4">
      <c r="A10" s="26"/>
      <c r="B10" s="27" t="s">
        <v>12</v>
      </c>
      <c r="C10" s="28"/>
      <c r="D10" s="28"/>
      <c r="E10" s="28"/>
      <c r="F10" s="28"/>
      <c r="G10" s="28"/>
      <c r="H10" s="28"/>
      <c r="I10" s="29"/>
      <c r="J10" s="30"/>
      <c r="K10" s="31" t="s">
        <v>13</v>
      </c>
      <c r="L10" s="28"/>
      <c r="M10" s="28"/>
      <c r="N10" s="28"/>
      <c r="O10" s="28"/>
      <c r="P10" s="28"/>
      <c r="Q10" s="28"/>
      <c r="R10" s="29"/>
      <c r="S10" s="32"/>
      <c r="T10" s="18"/>
    </row>
    <row r="11" spans="1:20" ht="22.5" customHeight="1" x14ac:dyDescent="0.4">
      <c r="A11" s="16"/>
      <c r="B11" s="33"/>
      <c r="C11" s="34" t="s">
        <v>14</v>
      </c>
      <c r="D11" s="34"/>
      <c r="E11" s="34"/>
      <c r="F11" s="34"/>
      <c r="G11" s="34"/>
      <c r="H11" s="34"/>
      <c r="I11" s="35">
        <v>0</v>
      </c>
      <c r="J11" s="36"/>
      <c r="K11" s="33"/>
      <c r="L11" s="37" t="s">
        <v>15</v>
      </c>
      <c r="M11" s="34"/>
      <c r="N11" s="34"/>
      <c r="O11" s="34"/>
      <c r="P11" s="34"/>
      <c r="Q11" s="34"/>
      <c r="R11" s="35">
        <v>0</v>
      </c>
      <c r="S11" s="38"/>
      <c r="T11" s="18"/>
    </row>
    <row r="12" spans="1:20" ht="22.5" customHeight="1" x14ac:dyDescent="0.4">
      <c r="A12" s="16"/>
      <c r="B12" s="33"/>
      <c r="C12" s="34"/>
      <c r="D12" s="34" t="s">
        <v>16</v>
      </c>
      <c r="E12" s="34"/>
      <c r="F12" s="34"/>
      <c r="G12" s="34"/>
      <c r="H12" s="34"/>
      <c r="I12" s="35">
        <v>0</v>
      </c>
      <c r="J12" s="36"/>
      <c r="K12" s="33"/>
      <c r="L12" s="34"/>
      <c r="M12" s="34" t="s">
        <v>17</v>
      </c>
      <c r="N12" s="34"/>
      <c r="O12" s="34"/>
      <c r="P12" s="34"/>
      <c r="Q12" s="34"/>
      <c r="R12" s="35">
        <v>0</v>
      </c>
      <c r="S12" s="38"/>
      <c r="T12" s="18"/>
    </row>
    <row r="13" spans="1:20" ht="22.5" customHeight="1" x14ac:dyDescent="0.4">
      <c r="A13" s="16"/>
      <c r="B13" s="33"/>
      <c r="C13" s="34"/>
      <c r="D13" s="34"/>
      <c r="E13" s="34" t="s">
        <v>18</v>
      </c>
      <c r="F13" s="34"/>
      <c r="G13" s="34"/>
      <c r="H13" s="34"/>
      <c r="I13" s="35">
        <v>0</v>
      </c>
      <c r="J13" s="36"/>
      <c r="K13" s="33"/>
      <c r="L13" s="34"/>
      <c r="M13" s="34" t="s">
        <v>19</v>
      </c>
      <c r="N13" s="34"/>
      <c r="O13" s="34"/>
      <c r="P13" s="34"/>
      <c r="Q13" s="34"/>
      <c r="R13" s="35">
        <v>0</v>
      </c>
      <c r="S13" s="38"/>
      <c r="T13" s="18"/>
    </row>
    <row r="14" spans="1:20" ht="22.5" customHeight="1" x14ac:dyDescent="0.4">
      <c r="A14" s="16"/>
      <c r="B14" s="33"/>
      <c r="C14" s="34"/>
      <c r="D14" s="34"/>
      <c r="E14" s="34" t="s">
        <v>20</v>
      </c>
      <c r="F14" s="34"/>
      <c r="G14" s="34"/>
      <c r="H14" s="34"/>
      <c r="I14" s="35">
        <v>0</v>
      </c>
      <c r="J14" s="36"/>
      <c r="K14" s="33"/>
      <c r="L14" s="34"/>
      <c r="M14" s="34"/>
      <c r="N14" s="34" t="s">
        <v>21</v>
      </c>
      <c r="O14" s="34"/>
      <c r="P14" s="34"/>
      <c r="Q14" s="34"/>
      <c r="R14" s="35">
        <v>0</v>
      </c>
      <c r="S14" s="38"/>
      <c r="T14" s="18"/>
    </row>
    <row r="15" spans="1:20" ht="18.75" x14ac:dyDescent="0.4">
      <c r="A15" s="16"/>
      <c r="B15" s="33"/>
      <c r="C15" s="34"/>
      <c r="D15" s="34" t="s">
        <v>22</v>
      </c>
      <c r="E15" s="34"/>
      <c r="F15" s="34"/>
      <c r="G15" s="34"/>
      <c r="H15" s="34"/>
      <c r="I15" s="35">
        <v>0</v>
      </c>
      <c r="J15" s="36"/>
      <c r="K15" s="33"/>
      <c r="L15" s="34"/>
      <c r="M15" s="34"/>
      <c r="N15" s="34" t="s">
        <v>23</v>
      </c>
      <c r="O15" s="34"/>
      <c r="P15" s="34"/>
      <c r="Q15" s="34"/>
      <c r="R15" s="35">
        <v>0</v>
      </c>
      <c r="S15" s="38"/>
      <c r="T15" s="18"/>
    </row>
    <row r="16" spans="1:20" ht="22.5" customHeight="1" x14ac:dyDescent="0.4">
      <c r="A16" s="16"/>
      <c r="B16" s="33"/>
      <c r="C16" s="34"/>
      <c r="D16" s="34" t="s">
        <v>24</v>
      </c>
      <c r="E16" s="34"/>
      <c r="F16" s="34"/>
      <c r="G16" s="34"/>
      <c r="H16" s="34"/>
      <c r="I16" s="35">
        <v>0</v>
      </c>
      <c r="J16" s="36"/>
      <c r="K16" s="33"/>
      <c r="L16" s="34"/>
      <c r="M16" s="34" t="s">
        <v>25</v>
      </c>
      <c r="N16" s="34"/>
      <c r="O16" s="34"/>
      <c r="P16" s="34"/>
      <c r="Q16" s="34"/>
      <c r="R16" s="35">
        <v>0</v>
      </c>
      <c r="S16" s="38"/>
      <c r="T16" s="18"/>
    </row>
    <row r="17" spans="1:20" ht="22.5" customHeight="1" x14ac:dyDescent="0.4">
      <c r="A17" s="16"/>
      <c r="B17" s="33"/>
      <c r="C17" s="34"/>
      <c r="D17" s="34" t="s">
        <v>26</v>
      </c>
      <c r="E17" s="34"/>
      <c r="F17" s="34"/>
      <c r="G17" s="34"/>
      <c r="H17" s="34"/>
      <c r="I17" s="35">
        <v>0</v>
      </c>
      <c r="J17" s="36"/>
      <c r="K17" s="33"/>
      <c r="L17" s="34"/>
      <c r="M17" s="34" t="s">
        <v>27</v>
      </c>
      <c r="N17" s="34"/>
      <c r="O17" s="34"/>
      <c r="P17" s="34"/>
      <c r="Q17" s="34"/>
      <c r="R17" s="35">
        <v>0</v>
      </c>
      <c r="S17" s="38"/>
      <c r="T17" s="18"/>
    </row>
    <row r="18" spans="1:20" ht="22.5" customHeight="1" x14ac:dyDescent="0.4">
      <c r="A18" s="16"/>
      <c r="B18" s="33"/>
      <c r="C18" s="34"/>
      <c r="D18" s="34"/>
      <c r="E18" s="34" t="s">
        <v>28</v>
      </c>
      <c r="F18" s="34"/>
      <c r="G18" s="34"/>
      <c r="H18" s="34"/>
      <c r="I18" s="35">
        <v>0</v>
      </c>
      <c r="J18" s="36"/>
      <c r="K18" s="33"/>
      <c r="L18" s="34"/>
      <c r="M18" s="34" t="s">
        <v>29</v>
      </c>
      <c r="N18" s="34"/>
      <c r="O18" s="34"/>
      <c r="P18" s="34"/>
      <c r="Q18" s="34"/>
      <c r="R18" s="35">
        <v>0</v>
      </c>
      <c r="S18" s="38"/>
      <c r="T18" s="18"/>
    </row>
    <row r="19" spans="1:20" ht="22.5" customHeight="1" x14ac:dyDescent="0.4">
      <c r="A19" s="16"/>
      <c r="B19" s="33"/>
      <c r="C19" s="34"/>
      <c r="D19" s="34"/>
      <c r="E19" s="34" t="s">
        <v>30</v>
      </c>
      <c r="F19" s="34"/>
      <c r="G19" s="34"/>
      <c r="H19" s="34"/>
      <c r="I19" s="35">
        <v>0</v>
      </c>
      <c r="J19" s="36"/>
      <c r="K19" s="33"/>
      <c r="L19" s="34"/>
      <c r="M19" s="34" t="s">
        <v>31</v>
      </c>
      <c r="N19" s="34"/>
      <c r="O19" s="34"/>
      <c r="P19" s="34"/>
      <c r="Q19" s="34"/>
      <c r="R19" s="35">
        <v>0</v>
      </c>
      <c r="S19" s="38"/>
      <c r="T19" s="18"/>
    </row>
    <row r="20" spans="1:20" ht="22.5" customHeight="1" x14ac:dyDescent="0.4">
      <c r="A20" s="16"/>
      <c r="B20" s="33"/>
      <c r="C20" s="34"/>
      <c r="D20" s="34" t="s">
        <v>24</v>
      </c>
      <c r="E20" s="34"/>
      <c r="F20" s="34"/>
      <c r="G20" s="34"/>
      <c r="H20" s="34"/>
      <c r="I20" s="35">
        <v>0</v>
      </c>
      <c r="J20" s="36"/>
      <c r="K20" s="33"/>
      <c r="L20" s="34"/>
      <c r="M20" s="34" t="s">
        <v>32</v>
      </c>
      <c r="N20" s="34"/>
      <c r="O20" s="34"/>
      <c r="P20" s="34"/>
      <c r="Q20" s="34"/>
      <c r="R20" s="35">
        <v>0</v>
      </c>
      <c r="S20" s="38"/>
      <c r="T20" s="18"/>
    </row>
    <row r="21" spans="1:20" ht="22.5" customHeight="1" x14ac:dyDescent="0.4">
      <c r="A21" s="16"/>
      <c r="B21" s="33"/>
      <c r="C21" s="34"/>
      <c r="D21" s="34" t="s">
        <v>33</v>
      </c>
      <c r="E21" s="34"/>
      <c r="F21" s="34"/>
      <c r="G21" s="34"/>
      <c r="H21" s="34"/>
      <c r="I21" s="35">
        <v>0</v>
      </c>
      <c r="J21" s="36"/>
      <c r="K21" s="33"/>
      <c r="L21" s="34" t="s">
        <v>34</v>
      </c>
      <c r="M21" s="34"/>
      <c r="N21" s="34"/>
      <c r="O21" s="34"/>
      <c r="P21" s="34"/>
      <c r="Q21" s="34"/>
      <c r="R21" s="35">
        <v>0</v>
      </c>
      <c r="S21" s="38"/>
      <c r="T21" s="18"/>
    </row>
    <row r="22" spans="1:20" ht="22.5" customHeight="1" x14ac:dyDescent="0.4">
      <c r="A22" s="16"/>
      <c r="B22" s="33"/>
      <c r="C22" s="34"/>
      <c r="D22" s="34" t="s">
        <v>24</v>
      </c>
      <c r="E22" s="34"/>
      <c r="F22" s="34"/>
      <c r="G22" s="34"/>
      <c r="H22" s="34"/>
      <c r="I22" s="35">
        <v>0</v>
      </c>
      <c r="J22" s="36"/>
      <c r="K22" s="33"/>
      <c r="L22" s="34"/>
      <c r="M22" s="34" t="s">
        <v>17</v>
      </c>
      <c r="N22" s="34"/>
      <c r="O22" s="34"/>
      <c r="P22" s="34"/>
      <c r="Q22" s="34"/>
      <c r="R22" s="35">
        <v>0</v>
      </c>
      <c r="S22" s="38"/>
      <c r="T22" s="18"/>
    </row>
    <row r="23" spans="1:20" ht="22.5" customHeight="1" x14ac:dyDescent="0.4">
      <c r="A23" s="16"/>
      <c r="B23" s="33"/>
      <c r="C23" s="34"/>
      <c r="D23" s="34" t="s">
        <v>35</v>
      </c>
      <c r="E23" s="34"/>
      <c r="F23" s="34"/>
      <c r="G23" s="34"/>
      <c r="H23" s="34"/>
      <c r="I23" s="35">
        <v>0</v>
      </c>
      <c r="J23" s="36"/>
      <c r="K23" s="33"/>
      <c r="L23" s="34"/>
      <c r="M23" s="34" t="s">
        <v>36</v>
      </c>
      <c r="N23" s="34"/>
      <c r="O23" s="34"/>
      <c r="P23" s="34"/>
      <c r="Q23" s="34"/>
      <c r="R23" s="35">
        <v>0</v>
      </c>
      <c r="S23" s="38"/>
      <c r="T23" s="18"/>
    </row>
    <row r="24" spans="1:20" ht="22.5" customHeight="1" x14ac:dyDescent="0.4">
      <c r="A24" s="16"/>
      <c r="B24" s="33"/>
      <c r="C24" s="34" t="s">
        <v>37</v>
      </c>
      <c r="D24" s="34"/>
      <c r="E24" s="34"/>
      <c r="F24" s="34"/>
      <c r="G24" s="34"/>
      <c r="H24" s="34"/>
      <c r="I24" s="35">
        <v>0</v>
      </c>
      <c r="J24" s="36"/>
      <c r="K24" s="33"/>
      <c r="L24" s="34"/>
      <c r="M24" s="34"/>
      <c r="N24" s="34" t="s">
        <v>21</v>
      </c>
      <c r="O24" s="34"/>
      <c r="P24" s="34"/>
      <c r="Q24" s="34"/>
      <c r="R24" s="35">
        <v>0</v>
      </c>
      <c r="S24" s="38"/>
      <c r="T24" s="18"/>
    </row>
    <row r="25" spans="1:20" ht="22.5" customHeight="1" x14ac:dyDescent="0.4">
      <c r="A25" s="16"/>
      <c r="B25" s="33"/>
      <c r="C25" s="34"/>
      <c r="D25" s="34" t="s">
        <v>38</v>
      </c>
      <c r="E25" s="34"/>
      <c r="F25" s="34"/>
      <c r="G25" s="34"/>
      <c r="H25" s="34"/>
      <c r="I25" s="35">
        <v>0</v>
      </c>
      <c r="J25" s="36"/>
      <c r="K25" s="33"/>
      <c r="L25" s="34"/>
      <c r="M25" s="34"/>
      <c r="N25" s="34" t="s">
        <v>39</v>
      </c>
      <c r="O25" s="34"/>
      <c r="P25" s="34"/>
      <c r="Q25" s="34"/>
      <c r="R25" s="35">
        <v>0</v>
      </c>
      <c r="S25" s="38"/>
      <c r="T25" s="18"/>
    </row>
    <row r="26" spans="1:20" ht="22.5" customHeight="1" x14ac:dyDescent="0.4">
      <c r="A26" s="16"/>
      <c r="B26" s="33"/>
      <c r="C26" s="34"/>
      <c r="D26" s="34"/>
      <c r="E26" s="34" t="s">
        <v>40</v>
      </c>
      <c r="F26" s="34"/>
      <c r="G26" s="34"/>
      <c r="H26" s="34"/>
      <c r="I26" s="35">
        <v>0</v>
      </c>
      <c r="J26" s="36"/>
      <c r="K26" s="33"/>
      <c r="L26" s="34"/>
      <c r="M26" s="34" t="s">
        <v>41</v>
      </c>
      <c r="N26" s="34"/>
      <c r="O26" s="34"/>
      <c r="P26" s="34"/>
      <c r="Q26" s="34"/>
      <c r="R26" s="35">
        <v>0</v>
      </c>
      <c r="S26" s="38"/>
      <c r="T26" s="18"/>
    </row>
    <row r="27" spans="1:20" ht="22.5" customHeight="1" x14ac:dyDescent="0.4">
      <c r="A27" s="16"/>
      <c r="B27" s="33"/>
      <c r="C27" s="34"/>
      <c r="D27" s="34"/>
      <c r="E27" s="34"/>
      <c r="F27" s="34" t="s">
        <v>42</v>
      </c>
      <c r="G27" s="34"/>
      <c r="H27" s="34"/>
      <c r="I27" s="35">
        <v>0</v>
      </c>
      <c r="J27" s="36"/>
      <c r="K27" s="33"/>
      <c r="L27" s="34"/>
      <c r="M27" s="34" t="s">
        <v>43</v>
      </c>
      <c r="N27" s="34"/>
      <c r="O27" s="34"/>
      <c r="P27" s="34"/>
      <c r="Q27" s="34"/>
      <c r="R27" s="35">
        <v>0</v>
      </c>
      <c r="S27" s="38"/>
      <c r="T27" s="18"/>
    </row>
    <row r="28" spans="1:20" ht="22.5" customHeight="1" x14ac:dyDescent="0.4">
      <c r="A28" s="16"/>
      <c r="B28" s="33"/>
      <c r="C28" s="34"/>
      <c r="D28" s="34"/>
      <c r="E28" s="34"/>
      <c r="F28" s="34" t="s">
        <v>44</v>
      </c>
      <c r="G28" s="34"/>
      <c r="H28" s="34"/>
      <c r="I28" s="39">
        <v>0</v>
      </c>
      <c r="J28" s="36"/>
      <c r="K28" s="33"/>
      <c r="L28" s="34"/>
      <c r="M28" s="34" t="s">
        <v>45</v>
      </c>
      <c r="N28" s="34"/>
      <c r="O28" s="34"/>
      <c r="P28" s="34"/>
      <c r="Q28" s="34"/>
      <c r="R28" s="39">
        <v>0</v>
      </c>
      <c r="S28" s="40"/>
      <c r="T28" s="18"/>
    </row>
    <row r="29" spans="1:20" ht="22.5" customHeight="1" x14ac:dyDescent="0.4">
      <c r="A29" s="16"/>
      <c r="B29" s="33"/>
      <c r="C29" s="34"/>
      <c r="D29" s="34"/>
      <c r="E29" s="34"/>
      <c r="F29" s="34" t="s">
        <v>46</v>
      </c>
      <c r="G29" s="34"/>
      <c r="H29" s="34"/>
      <c r="I29" s="39">
        <v>0</v>
      </c>
      <c r="J29" s="36"/>
      <c r="K29" s="33"/>
      <c r="L29" s="34"/>
      <c r="M29" s="34" t="s">
        <v>31</v>
      </c>
      <c r="N29" s="34"/>
      <c r="O29" s="34"/>
      <c r="P29" s="34"/>
      <c r="Q29" s="34"/>
      <c r="R29" s="39">
        <v>0</v>
      </c>
      <c r="S29" s="40"/>
      <c r="T29" s="18"/>
    </row>
    <row r="30" spans="1:20" ht="22.5" customHeight="1" x14ac:dyDescent="0.4">
      <c r="A30" s="16"/>
      <c r="B30" s="33"/>
      <c r="C30" s="34"/>
      <c r="D30" s="34"/>
      <c r="E30" s="34"/>
      <c r="F30" s="34" t="s">
        <v>47</v>
      </c>
      <c r="G30" s="34"/>
      <c r="H30" s="34"/>
      <c r="I30" s="39">
        <v>0</v>
      </c>
      <c r="J30" s="36"/>
      <c r="K30" s="33"/>
      <c r="L30" s="34"/>
      <c r="M30" s="34" t="s">
        <v>48</v>
      </c>
      <c r="N30" s="34"/>
      <c r="O30" s="34"/>
      <c r="P30" s="34"/>
      <c r="Q30" s="34"/>
      <c r="R30" s="39">
        <v>0</v>
      </c>
      <c r="S30" s="40"/>
      <c r="T30" s="18"/>
    </row>
    <row r="31" spans="1:20" ht="22.5" customHeight="1" x14ac:dyDescent="0.4">
      <c r="A31" s="16"/>
      <c r="B31" s="33"/>
      <c r="C31" s="34"/>
      <c r="D31" s="34"/>
      <c r="E31" s="34"/>
      <c r="F31" s="34" t="s">
        <v>49</v>
      </c>
      <c r="G31" s="34"/>
      <c r="H31" s="34"/>
      <c r="I31" s="39">
        <v>0</v>
      </c>
      <c r="J31" s="36"/>
      <c r="K31" s="41" t="s">
        <v>50</v>
      </c>
      <c r="L31" s="42"/>
      <c r="M31" s="43"/>
      <c r="N31" s="43"/>
      <c r="O31" s="43"/>
      <c r="P31" s="43"/>
      <c r="Q31" s="43"/>
      <c r="R31" s="44">
        <v>0</v>
      </c>
      <c r="S31" s="45"/>
      <c r="T31" s="18"/>
    </row>
    <row r="32" spans="1:20" ht="22.5" customHeight="1" x14ac:dyDescent="0.4">
      <c r="A32" s="16"/>
      <c r="B32" s="33"/>
      <c r="C32" s="34"/>
      <c r="D32" s="34"/>
      <c r="E32" s="34"/>
      <c r="F32" s="34" t="s">
        <v>51</v>
      </c>
      <c r="G32" s="34"/>
      <c r="H32" s="34"/>
      <c r="I32" s="39">
        <v>0</v>
      </c>
      <c r="J32" s="36"/>
      <c r="K32" s="33" t="s">
        <v>52</v>
      </c>
      <c r="L32" s="34"/>
      <c r="M32" s="34"/>
      <c r="N32" s="34"/>
      <c r="O32" s="34"/>
      <c r="P32" s="34"/>
      <c r="Q32" s="34"/>
      <c r="R32" s="39"/>
      <c r="S32" s="40"/>
      <c r="T32" s="18"/>
    </row>
    <row r="33" spans="1:20" ht="22.5" customHeight="1" x14ac:dyDescent="0.4">
      <c r="A33" s="16"/>
      <c r="B33" s="33"/>
      <c r="C33" s="34"/>
      <c r="D33" s="34"/>
      <c r="E33" s="34"/>
      <c r="F33" s="34" t="s">
        <v>53</v>
      </c>
      <c r="G33" s="34"/>
      <c r="H33" s="34"/>
      <c r="I33" s="39">
        <v>0</v>
      </c>
      <c r="J33" s="36"/>
      <c r="K33" s="33"/>
      <c r="L33" s="34" t="s">
        <v>54</v>
      </c>
      <c r="M33" s="34"/>
      <c r="N33" s="34"/>
      <c r="O33" s="34"/>
      <c r="P33" s="34"/>
      <c r="Q33" s="34"/>
      <c r="R33" s="39">
        <v>0</v>
      </c>
      <c r="S33" s="40"/>
      <c r="T33" s="18"/>
    </row>
    <row r="34" spans="1:20" ht="22.5" customHeight="1" x14ac:dyDescent="0.4">
      <c r="A34" s="16"/>
      <c r="B34" s="33"/>
      <c r="C34" s="34"/>
      <c r="D34" s="34"/>
      <c r="E34" s="34" t="s">
        <v>55</v>
      </c>
      <c r="F34" s="34"/>
      <c r="G34" s="34"/>
      <c r="H34" s="34"/>
      <c r="I34" s="39">
        <v>0</v>
      </c>
      <c r="J34" s="36"/>
      <c r="K34" s="33"/>
      <c r="L34" s="34" t="s">
        <v>56</v>
      </c>
      <c r="M34" s="34"/>
      <c r="N34" s="34"/>
      <c r="O34" s="34"/>
      <c r="P34" s="34"/>
      <c r="Q34" s="34"/>
      <c r="R34" s="39">
        <v>0</v>
      </c>
      <c r="S34" s="40"/>
      <c r="T34" s="18"/>
    </row>
    <row r="35" spans="1:20" ht="22.5" customHeight="1" x14ac:dyDescent="0.4">
      <c r="A35" s="16"/>
      <c r="B35" s="33"/>
      <c r="C35" s="34"/>
      <c r="D35" s="34"/>
      <c r="E35" s="34"/>
      <c r="F35" s="34" t="s">
        <v>57</v>
      </c>
      <c r="G35" s="34"/>
      <c r="H35" s="34"/>
      <c r="I35" s="39">
        <v>0</v>
      </c>
      <c r="J35" s="36"/>
      <c r="K35" s="33"/>
      <c r="L35" s="34"/>
      <c r="M35" s="34" t="s">
        <v>58</v>
      </c>
      <c r="N35" s="34"/>
      <c r="O35" s="34"/>
      <c r="P35" s="34"/>
      <c r="Q35" s="34"/>
      <c r="R35" s="39">
        <v>0</v>
      </c>
      <c r="S35" s="40"/>
      <c r="T35" s="18"/>
    </row>
    <row r="36" spans="1:20" ht="22.5" customHeight="1" x14ac:dyDescent="0.4">
      <c r="A36" s="16"/>
      <c r="B36" s="33"/>
      <c r="C36" s="34"/>
      <c r="D36" s="34"/>
      <c r="E36" s="34"/>
      <c r="F36" s="34" t="s">
        <v>59</v>
      </c>
      <c r="G36" s="34"/>
      <c r="H36" s="34"/>
      <c r="I36" s="39">
        <v>0</v>
      </c>
      <c r="J36" s="36"/>
      <c r="K36" s="33"/>
      <c r="L36" s="34"/>
      <c r="M36" s="34"/>
      <c r="N36" s="34"/>
      <c r="O36" s="34"/>
      <c r="P36" s="34"/>
      <c r="Q36" s="34"/>
      <c r="R36" s="39"/>
      <c r="S36" s="40"/>
      <c r="T36" s="18"/>
    </row>
    <row r="37" spans="1:20" ht="22.5" customHeight="1" x14ac:dyDescent="0.4">
      <c r="A37" s="16"/>
      <c r="B37" s="33"/>
      <c r="C37" s="34"/>
      <c r="D37" s="34" t="s">
        <v>60</v>
      </c>
      <c r="E37" s="34"/>
      <c r="F37" s="34"/>
      <c r="G37" s="34"/>
      <c r="H37" s="34"/>
      <c r="I37" s="39">
        <v>0</v>
      </c>
      <c r="J37" s="36"/>
      <c r="K37" s="33"/>
      <c r="L37" s="34"/>
      <c r="M37" s="34"/>
      <c r="N37" s="34"/>
      <c r="O37" s="34"/>
      <c r="P37" s="34"/>
      <c r="Q37" s="34"/>
      <c r="R37" s="39"/>
      <c r="S37" s="40"/>
      <c r="T37" s="18"/>
    </row>
    <row r="38" spans="1:20" ht="22.5" customHeight="1" x14ac:dyDescent="0.4">
      <c r="A38" s="16"/>
      <c r="B38" s="33"/>
      <c r="C38" s="34"/>
      <c r="D38" s="34"/>
      <c r="E38" s="34" t="s">
        <v>61</v>
      </c>
      <c r="F38" s="34"/>
      <c r="G38" s="34"/>
      <c r="H38" s="34"/>
      <c r="I38" s="39">
        <v>0</v>
      </c>
      <c r="J38" s="36"/>
      <c r="K38" s="33"/>
      <c r="L38" s="34"/>
      <c r="M38" s="34"/>
      <c r="N38" s="34"/>
      <c r="O38" s="34"/>
      <c r="P38" s="34"/>
      <c r="Q38" s="34"/>
      <c r="R38" s="39"/>
      <c r="S38" s="40"/>
      <c r="T38" s="18"/>
    </row>
    <row r="39" spans="1:20" ht="22.5" customHeight="1" x14ac:dyDescent="0.4">
      <c r="A39" s="16"/>
      <c r="B39" s="33"/>
      <c r="C39" s="34"/>
      <c r="D39" s="34"/>
      <c r="E39" s="34"/>
      <c r="F39" s="34" t="s">
        <v>42</v>
      </c>
      <c r="G39" s="34"/>
      <c r="H39" s="34"/>
      <c r="I39" s="39">
        <v>0</v>
      </c>
      <c r="J39" s="36"/>
      <c r="K39" s="33"/>
      <c r="L39" s="34"/>
      <c r="M39" s="34"/>
      <c r="N39" s="34"/>
      <c r="O39" s="34"/>
      <c r="P39" s="34"/>
      <c r="Q39" s="34"/>
      <c r="R39" s="39"/>
      <c r="S39" s="40"/>
      <c r="T39" s="18"/>
    </row>
    <row r="40" spans="1:20" ht="22.5" customHeight="1" x14ac:dyDescent="0.4">
      <c r="A40" s="16"/>
      <c r="B40" s="33"/>
      <c r="C40" s="34"/>
      <c r="D40" s="34"/>
      <c r="E40" s="34"/>
      <c r="F40" s="34" t="s">
        <v>44</v>
      </c>
      <c r="G40" s="34"/>
      <c r="H40" s="34"/>
      <c r="I40" s="39">
        <v>0</v>
      </c>
      <c r="J40" s="36"/>
      <c r="K40" s="33"/>
      <c r="L40" s="34"/>
      <c r="M40" s="34"/>
      <c r="N40" s="34"/>
      <c r="O40" s="34"/>
      <c r="P40" s="34"/>
      <c r="Q40" s="34"/>
      <c r="R40" s="39"/>
      <c r="S40" s="40"/>
      <c r="T40" s="18"/>
    </row>
    <row r="41" spans="1:20" ht="22.5" customHeight="1" x14ac:dyDescent="0.4">
      <c r="A41" s="16"/>
      <c r="B41" s="33"/>
      <c r="C41" s="34"/>
      <c r="D41" s="34"/>
      <c r="E41" s="34"/>
      <c r="F41" s="34" t="s">
        <v>46</v>
      </c>
      <c r="G41" s="34"/>
      <c r="H41" s="34"/>
      <c r="I41" s="39">
        <v>0</v>
      </c>
      <c r="J41" s="36"/>
      <c r="K41" s="33"/>
      <c r="L41" s="34"/>
      <c r="M41" s="34"/>
      <c r="N41" s="34"/>
      <c r="O41" s="34"/>
      <c r="P41" s="34"/>
      <c r="Q41" s="34"/>
      <c r="R41" s="39"/>
      <c r="S41" s="40"/>
      <c r="T41" s="18"/>
    </row>
    <row r="42" spans="1:20" ht="22.5" customHeight="1" x14ac:dyDescent="0.4">
      <c r="A42" s="16"/>
      <c r="B42" s="33"/>
      <c r="C42" s="34"/>
      <c r="D42" s="34"/>
      <c r="E42" s="34" t="s">
        <v>62</v>
      </c>
      <c r="F42" s="34"/>
      <c r="G42" s="34"/>
      <c r="H42" s="34"/>
      <c r="I42" s="39">
        <v>0</v>
      </c>
      <c r="J42" s="36"/>
      <c r="K42" s="33"/>
      <c r="L42" s="34"/>
      <c r="M42" s="34"/>
      <c r="N42" s="34"/>
      <c r="O42" s="34"/>
      <c r="P42" s="34"/>
      <c r="Q42" s="34"/>
      <c r="R42" s="39"/>
      <c r="S42" s="40"/>
      <c r="T42" s="18"/>
    </row>
    <row r="43" spans="1:20" ht="22.5" customHeight="1" x14ac:dyDescent="0.4">
      <c r="A43" s="16"/>
      <c r="B43" s="33"/>
      <c r="C43" s="34"/>
      <c r="D43" s="34"/>
      <c r="E43" s="34"/>
      <c r="F43" s="34" t="s">
        <v>57</v>
      </c>
      <c r="G43" s="34"/>
      <c r="H43" s="34"/>
      <c r="I43" s="39">
        <v>0</v>
      </c>
      <c r="J43" s="36"/>
      <c r="K43" s="33"/>
      <c r="L43" s="34"/>
      <c r="M43" s="34"/>
      <c r="N43" s="34"/>
      <c r="O43" s="34"/>
      <c r="P43" s="34"/>
      <c r="Q43" s="34"/>
      <c r="R43" s="39"/>
      <c r="S43" s="40"/>
      <c r="T43" s="18"/>
    </row>
    <row r="44" spans="1:20" ht="22.5" customHeight="1" x14ac:dyDescent="0.4">
      <c r="A44" s="16"/>
      <c r="B44" s="33"/>
      <c r="C44" s="34"/>
      <c r="D44" s="34"/>
      <c r="E44" s="34"/>
      <c r="F44" s="34" t="s">
        <v>59</v>
      </c>
      <c r="G44" s="34"/>
      <c r="H44" s="34"/>
      <c r="I44" s="39">
        <v>0</v>
      </c>
      <c r="J44" s="36"/>
      <c r="K44" s="33"/>
      <c r="L44" s="34"/>
      <c r="M44" s="34"/>
      <c r="N44" s="34"/>
      <c r="O44" s="34"/>
      <c r="P44" s="34"/>
      <c r="Q44" s="34"/>
      <c r="R44" s="39"/>
      <c r="S44" s="40"/>
      <c r="T44" s="18"/>
    </row>
    <row r="45" spans="1:20" ht="22.5" customHeight="1" x14ac:dyDescent="0.4">
      <c r="A45" s="16"/>
      <c r="B45" s="33"/>
      <c r="C45" s="34"/>
      <c r="D45" s="34" t="s">
        <v>63</v>
      </c>
      <c r="E45" s="34"/>
      <c r="F45" s="34"/>
      <c r="G45" s="34"/>
      <c r="H45" s="34"/>
      <c r="I45" s="39">
        <v>0</v>
      </c>
      <c r="J45" s="36"/>
      <c r="K45" s="33"/>
      <c r="L45" s="34"/>
      <c r="M45" s="34"/>
      <c r="N45" s="34"/>
      <c r="O45" s="34"/>
      <c r="P45" s="34"/>
      <c r="Q45" s="34"/>
      <c r="R45" s="39"/>
      <c r="S45" s="40"/>
      <c r="T45" s="18"/>
    </row>
    <row r="46" spans="1:20" ht="22.5" customHeight="1" x14ac:dyDescent="0.4">
      <c r="A46" s="16"/>
      <c r="B46" s="33"/>
      <c r="C46" s="34"/>
      <c r="D46" s="34" t="s">
        <v>64</v>
      </c>
      <c r="E46" s="34"/>
      <c r="F46" s="34"/>
      <c r="G46" s="34"/>
      <c r="H46" s="34"/>
      <c r="I46" s="39">
        <v>0</v>
      </c>
      <c r="J46" s="36"/>
      <c r="K46" s="33"/>
      <c r="L46" s="34"/>
      <c r="M46" s="34"/>
      <c r="N46" s="34"/>
      <c r="O46" s="34"/>
      <c r="P46" s="34"/>
      <c r="Q46" s="34"/>
      <c r="R46" s="39"/>
      <c r="S46" s="40"/>
      <c r="T46" s="18"/>
    </row>
    <row r="47" spans="1:20" ht="22.5" customHeight="1" x14ac:dyDescent="0.4">
      <c r="A47" s="16"/>
      <c r="B47" s="33"/>
      <c r="C47" s="34"/>
      <c r="D47" s="34" t="s">
        <v>65</v>
      </c>
      <c r="E47" s="34"/>
      <c r="F47" s="34"/>
      <c r="G47" s="34"/>
      <c r="H47" s="34"/>
      <c r="I47" s="39">
        <v>0</v>
      </c>
      <c r="J47" s="36"/>
      <c r="K47" s="33"/>
      <c r="L47" s="34"/>
      <c r="M47" s="34"/>
      <c r="N47" s="34"/>
      <c r="O47" s="34"/>
      <c r="P47" s="34"/>
      <c r="Q47" s="34"/>
      <c r="R47" s="39"/>
      <c r="S47" s="40"/>
      <c r="T47" s="18"/>
    </row>
    <row r="48" spans="1:20" ht="22.5" customHeight="1" x14ac:dyDescent="0.4">
      <c r="A48" s="16"/>
      <c r="B48" s="33"/>
      <c r="C48" s="34"/>
      <c r="D48" s="34" t="s">
        <v>66</v>
      </c>
      <c r="E48" s="34"/>
      <c r="F48" s="34"/>
      <c r="G48" s="34"/>
      <c r="H48" s="34"/>
      <c r="I48" s="39">
        <v>0</v>
      </c>
      <c r="J48" s="36"/>
      <c r="K48" s="33"/>
      <c r="L48" s="34"/>
      <c r="M48" s="34"/>
      <c r="N48" s="34"/>
      <c r="O48" s="34"/>
      <c r="P48" s="34"/>
      <c r="Q48" s="34"/>
      <c r="R48" s="39"/>
      <c r="S48" s="40"/>
      <c r="T48" s="18"/>
    </row>
    <row r="49" spans="1:20" ht="22.5" customHeight="1" x14ac:dyDescent="0.4">
      <c r="A49" s="16"/>
      <c r="B49" s="33"/>
      <c r="C49" s="34"/>
      <c r="D49" s="34" t="s">
        <v>67</v>
      </c>
      <c r="E49" s="34"/>
      <c r="F49" s="34"/>
      <c r="G49" s="34"/>
      <c r="H49" s="34"/>
      <c r="I49" s="39">
        <v>0</v>
      </c>
      <c r="J49" s="36"/>
      <c r="K49" s="33"/>
      <c r="L49" s="34"/>
      <c r="M49" s="34"/>
      <c r="N49" s="34"/>
      <c r="O49" s="34"/>
      <c r="P49" s="34"/>
      <c r="Q49" s="34"/>
      <c r="R49" s="39"/>
      <c r="S49" s="40"/>
      <c r="T49" s="18"/>
    </row>
    <row r="50" spans="1:20" ht="22.5" customHeight="1" x14ac:dyDescent="0.4">
      <c r="A50" s="16"/>
      <c r="B50" s="33"/>
      <c r="C50" s="34"/>
      <c r="D50" s="34"/>
      <c r="E50" s="34" t="s">
        <v>68</v>
      </c>
      <c r="F50" s="34"/>
      <c r="G50" s="34"/>
      <c r="H50" s="34"/>
      <c r="I50" s="39">
        <v>0</v>
      </c>
      <c r="J50" s="36"/>
      <c r="K50" s="33"/>
      <c r="L50" s="34"/>
      <c r="M50" s="34"/>
      <c r="N50" s="34"/>
      <c r="O50" s="34"/>
      <c r="P50" s="34"/>
      <c r="Q50" s="34"/>
      <c r="R50" s="39"/>
      <c r="S50" s="40"/>
      <c r="T50" s="18"/>
    </row>
    <row r="51" spans="1:20" ht="22.5" customHeight="1" x14ac:dyDescent="0.4">
      <c r="A51" s="16"/>
      <c r="B51" s="33"/>
      <c r="C51" s="34"/>
      <c r="D51" s="34"/>
      <c r="E51" s="34" t="s">
        <v>69</v>
      </c>
      <c r="F51" s="34"/>
      <c r="G51" s="34"/>
      <c r="H51" s="34"/>
      <c r="I51" s="39">
        <v>0</v>
      </c>
      <c r="J51" s="36"/>
      <c r="K51" s="33"/>
      <c r="L51" s="34"/>
      <c r="M51" s="34"/>
      <c r="N51" s="34"/>
      <c r="O51" s="34"/>
      <c r="P51" s="34"/>
      <c r="Q51" s="34"/>
      <c r="R51" s="39"/>
      <c r="S51" s="40"/>
      <c r="T51" s="18"/>
    </row>
    <row r="52" spans="1:20" ht="22.5" customHeight="1" x14ac:dyDescent="0.4">
      <c r="A52" s="16"/>
      <c r="B52" s="33"/>
      <c r="C52" s="34"/>
      <c r="D52" s="34"/>
      <c r="E52" s="34" t="s">
        <v>70</v>
      </c>
      <c r="F52" s="34"/>
      <c r="G52" s="34"/>
      <c r="H52" s="34"/>
      <c r="I52" s="39">
        <v>0</v>
      </c>
      <c r="J52" s="36"/>
      <c r="K52" s="33"/>
      <c r="L52" s="34"/>
      <c r="M52" s="34"/>
      <c r="N52" s="34"/>
      <c r="O52" s="34"/>
      <c r="P52" s="34"/>
      <c r="Q52" s="34"/>
      <c r="R52" s="39"/>
      <c r="S52" s="40"/>
      <c r="T52" s="18"/>
    </row>
    <row r="53" spans="1:20" ht="22.5" customHeight="1" x14ac:dyDescent="0.4">
      <c r="A53" s="16"/>
      <c r="B53" s="33"/>
      <c r="C53" s="34"/>
      <c r="D53" s="34" t="s">
        <v>71</v>
      </c>
      <c r="E53" s="34"/>
      <c r="F53" s="34"/>
      <c r="G53" s="34"/>
      <c r="H53" s="34"/>
      <c r="I53" s="39">
        <v>0</v>
      </c>
      <c r="J53" s="36"/>
      <c r="K53" s="33"/>
      <c r="L53" s="34"/>
      <c r="M53" s="34"/>
      <c r="N53" s="34"/>
      <c r="O53" s="34"/>
      <c r="P53" s="34"/>
      <c r="Q53" s="34"/>
      <c r="R53" s="39"/>
      <c r="S53" s="40"/>
      <c r="T53" s="18"/>
    </row>
    <row r="54" spans="1:20" ht="22.5" customHeight="1" x14ac:dyDescent="0.4">
      <c r="A54" s="16"/>
      <c r="B54" s="33"/>
      <c r="C54" s="34"/>
      <c r="D54" s="34" t="s">
        <v>26</v>
      </c>
      <c r="E54" s="34"/>
      <c r="F54" s="34"/>
      <c r="G54" s="34"/>
      <c r="H54" s="34"/>
      <c r="I54" s="39">
        <v>0</v>
      </c>
      <c r="J54" s="36"/>
      <c r="K54" s="33"/>
      <c r="L54" s="34"/>
      <c r="M54" s="34"/>
      <c r="N54" s="34"/>
      <c r="O54" s="34"/>
      <c r="P54" s="34"/>
      <c r="Q54" s="34"/>
      <c r="R54" s="39"/>
      <c r="S54" s="40"/>
      <c r="T54" s="18"/>
    </row>
    <row r="55" spans="1:20" ht="22.5" customHeight="1" x14ac:dyDescent="0.4">
      <c r="A55" s="16"/>
      <c r="B55" s="33"/>
      <c r="C55" s="34"/>
      <c r="D55" s="34"/>
      <c r="E55" s="34" t="s">
        <v>30</v>
      </c>
      <c r="F55" s="34"/>
      <c r="G55" s="34"/>
      <c r="H55" s="34"/>
      <c r="I55" s="39">
        <v>0</v>
      </c>
      <c r="J55" s="36"/>
      <c r="K55" s="33"/>
      <c r="L55" s="34"/>
      <c r="M55" s="34"/>
      <c r="N55" s="34"/>
      <c r="O55" s="34"/>
      <c r="P55" s="34"/>
      <c r="Q55" s="34"/>
      <c r="R55" s="39"/>
      <c r="S55" s="40"/>
      <c r="T55" s="18"/>
    </row>
    <row r="56" spans="1:20" ht="22.5" customHeight="1" x14ac:dyDescent="0.4">
      <c r="A56" s="16"/>
      <c r="B56" s="33"/>
      <c r="C56" s="34"/>
      <c r="D56" s="34"/>
      <c r="E56" s="34" t="s">
        <v>72</v>
      </c>
      <c r="F56" s="34"/>
      <c r="G56" s="34"/>
      <c r="H56" s="34"/>
      <c r="I56" s="39">
        <v>0</v>
      </c>
      <c r="J56" s="36"/>
      <c r="K56" s="33"/>
      <c r="L56" s="34"/>
      <c r="M56" s="34"/>
      <c r="N56" s="34"/>
      <c r="O56" s="34"/>
      <c r="P56" s="34"/>
      <c r="Q56" s="34"/>
      <c r="R56" s="39"/>
      <c r="S56" s="40"/>
      <c r="T56" s="18"/>
    </row>
    <row r="57" spans="1:20" ht="22.5" customHeight="1" x14ac:dyDescent="0.4">
      <c r="A57" s="16"/>
      <c r="B57" s="33"/>
      <c r="C57" s="34"/>
      <c r="D57" s="34" t="s">
        <v>24</v>
      </c>
      <c r="E57" s="34"/>
      <c r="F57" s="34"/>
      <c r="G57" s="34"/>
      <c r="H57" s="34"/>
      <c r="I57" s="39">
        <v>0</v>
      </c>
      <c r="J57" s="36"/>
      <c r="K57" s="33"/>
      <c r="L57" s="34"/>
      <c r="M57" s="34"/>
      <c r="N57" s="34"/>
      <c r="O57" s="34"/>
      <c r="P57" s="34"/>
      <c r="Q57" s="34"/>
      <c r="R57" s="39"/>
      <c r="S57" s="40"/>
      <c r="T57" s="18"/>
    </row>
    <row r="58" spans="1:20" ht="22.5" customHeight="1" x14ac:dyDescent="0.4">
      <c r="A58" s="16"/>
      <c r="B58" s="33"/>
      <c r="C58" s="34"/>
      <c r="D58" s="34" t="s">
        <v>73</v>
      </c>
      <c r="E58" s="34"/>
      <c r="F58" s="34"/>
      <c r="G58" s="34"/>
      <c r="H58" s="34"/>
      <c r="I58" s="39">
        <v>0</v>
      </c>
      <c r="J58" s="36"/>
      <c r="K58" s="33"/>
      <c r="L58" s="34"/>
      <c r="M58" s="34"/>
      <c r="N58" s="34"/>
      <c r="O58" s="34"/>
      <c r="P58" s="34"/>
      <c r="Q58" s="34"/>
      <c r="R58" s="39"/>
      <c r="S58" s="40"/>
      <c r="T58" s="18"/>
    </row>
    <row r="59" spans="1:20" ht="22.5" customHeight="1" x14ac:dyDescent="0.4">
      <c r="A59" s="16"/>
      <c r="B59" s="33"/>
      <c r="C59" s="34"/>
      <c r="D59" s="34" t="s">
        <v>24</v>
      </c>
      <c r="E59" s="34"/>
      <c r="F59" s="34"/>
      <c r="G59" s="34"/>
      <c r="H59" s="34"/>
      <c r="I59" s="39">
        <v>0</v>
      </c>
      <c r="J59" s="36"/>
      <c r="K59" s="33"/>
      <c r="L59" s="34"/>
      <c r="M59" s="34"/>
      <c r="N59" s="34"/>
      <c r="O59" s="34"/>
      <c r="P59" s="34"/>
      <c r="Q59" s="34"/>
      <c r="R59" s="39"/>
      <c r="S59" s="40"/>
      <c r="T59" s="18"/>
    </row>
    <row r="60" spans="1:20" ht="22.5" customHeight="1" x14ac:dyDescent="0.4">
      <c r="A60" s="16"/>
      <c r="B60" s="33"/>
      <c r="C60" s="34"/>
      <c r="D60" s="34" t="s">
        <v>74</v>
      </c>
      <c r="E60" s="34"/>
      <c r="F60" s="34"/>
      <c r="G60" s="34"/>
      <c r="H60" s="34"/>
      <c r="I60" s="39">
        <v>0</v>
      </c>
      <c r="J60" s="36"/>
      <c r="K60" s="33"/>
      <c r="L60" s="34"/>
      <c r="M60" s="34"/>
      <c r="N60" s="34"/>
      <c r="O60" s="34"/>
      <c r="P60" s="34"/>
      <c r="Q60" s="34"/>
      <c r="R60" s="39"/>
      <c r="S60" s="40"/>
      <c r="T60" s="18"/>
    </row>
    <row r="61" spans="1:20" ht="22.5" customHeight="1" x14ac:dyDescent="0.4">
      <c r="A61" s="16"/>
      <c r="B61" s="33"/>
      <c r="C61" s="34"/>
      <c r="D61" s="34" t="s">
        <v>24</v>
      </c>
      <c r="E61" s="34"/>
      <c r="F61" s="34"/>
      <c r="G61" s="34"/>
      <c r="H61" s="34"/>
      <c r="I61" s="35">
        <v>0</v>
      </c>
      <c r="J61" s="36"/>
      <c r="K61" s="41" t="s">
        <v>75</v>
      </c>
      <c r="L61" s="42"/>
      <c r="M61" s="43"/>
      <c r="N61" s="43"/>
      <c r="O61" s="43"/>
      <c r="P61" s="43"/>
      <c r="Q61" s="43"/>
      <c r="R61" s="46">
        <v>0</v>
      </c>
      <c r="S61" s="47"/>
      <c r="T61" s="18"/>
    </row>
    <row r="62" spans="1:20" ht="22.5" customHeight="1" x14ac:dyDescent="0.4">
      <c r="A62" s="16"/>
      <c r="B62" s="41" t="s">
        <v>76</v>
      </c>
      <c r="C62" s="42"/>
      <c r="D62" s="43"/>
      <c r="E62" s="43"/>
      <c r="F62" s="43"/>
      <c r="G62" s="43"/>
      <c r="H62" s="43"/>
      <c r="I62" s="46">
        <v>0</v>
      </c>
      <c r="J62" s="48"/>
      <c r="K62" s="41" t="s">
        <v>77</v>
      </c>
      <c r="L62" s="43"/>
      <c r="M62" s="43"/>
      <c r="N62" s="43"/>
      <c r="O62" s="43"/>
      <c r="P62" s="43"/>
      <c r="Q62" s="43"/>
      <c r="R62" s="46">
        <v>0</v>
      </c>
      <c r="S62" s="47"/>
      <c r="T62" s="18"/>
    </row>
    <row r="63" spans="1:20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49"/>
      <c r="K63" s="34"/>
      <c r="L63" s="34"/>
      <c r="M63" s="34"/>
      <c r="N63" s="34"/>
      <c r="O63" s="34"/>
      <c r="P63" s="34"/>
      <c r="Q63" s="34"/>
      <c r="R63" s="49"/>
      <c r="S63" s="49"/>
      <c r="T63" s="18"/>
    </row>
    <row r="64" spans="1:20" ht="22.5" customHeight="1" x14ac:dyDescent="0.4">
      <c r="A64" s="16"/>
      <c r="I64" s="49"/>
      <c r="R64" s="49"/>
      <c r="S64" s="49"/>
      <c r="T64" s="18"/>
    </row>
    <row r="65" spans="1:20" ht="22.5" customHeight="1" x14ac:dyDescent="0.4">
      <c r="A65" s="14"/>
      <c r="B65" s="14"/>
      <c r="C65" s="14"/>
      <c r="D65" s="14"/>
      <c r="E65" s="14"/>
      <c r="F65" s="14"/>
      <c r="G65" s="14"/>
      <c r="H65" s="14"/>
      <c r="I65" s="50"/>
      <c r="J65" s="14"/>
      <c r="K65" s="14"/>
      <c r="L65" s="14"/>
      <c r="M65" s="14"/>
      <c r="N65" s="14"/>
      <c r="O65" s="14"/>
      <c r="P65" s="14"/>
      <c r="Q65" s="14"/>
      <c r="R65" s="50"/>
      <c r="S65" s="50"/>
      <c r="T65" s="14"/>
    </row>
    <row r="66" spans="1:20" ht="22.5" customHeight="1" x14ac:dyDescent="0.4">
      <c r="I66" s="51"/>
      <c r="R66" s="51"/>
      <c r="S66" s="51"/>
    </row>
    <row r="67" spans="1:20" ht="22.5" customHeight="1" x14ac:dyDescent="0.4">
      <c r="I67" s="51"/>
      <c r="R67" s="51"/>
      <c r="S67" s="51"/>
    </row>
    <row r="68" spans="1:20" ht="22.5" customHeight="1" x14ac:dyDescent="0.4">
      <c r="I68" s="51"/>
      <c r="R68" s="51"/>
      <c r="S68" s="51"/>
    </row>
    <row r="69" spans="1:20" ht="22.5" customHeight="1" x14ac:dyDescent="0.4">
      <c r="I69" s="51"/>
      <c r="R69" s="51"/>
      <c r="S69" s="51"/>
    </row>
    <row r="70" spans="1:20" ht="22.5" customHeight="1" x14ac:dyDescent="0.4">
      <c r="I70" s="51"/>
      <c r="R70" s="51"/>
      <c r="S70" s="51"/>
    </row>
    <row r="71" spans="1:20" ht="22.5" customHeight="1" x14ac:dyDescent="0.4">
      <c r="I71" s="51"/>
      <c r="R71" s="51"/>
      <c r="S71" s="51"/>
    </row>
    <row r="72" spans="1:20" ht="22.5" customHeight="1" x14ac:dyDescent="0.4">
      <c r="I72" s="51"/>
      <c r="R72" s="51"/>
      <c r="S72" s="51"/>
    </row>
    <row r="73" spans="1:20" ht="22.5" customHeight="1" x14ac:dyDescent="0.4">
      <c r="I73" s="51"/>
      <c r="R73" s="51"/>
      <c r="S73" s="51"/>
    </row>
    <row r="74" spans="1:20" ht="22.5" customHeight="1" x14ac:dyDescent="0.4">
      <c r="I74" s="51"/>
      <c r="R74" s="51"/>
      <c r="S74" s="51"/>
    </row>
    <row r="75" spans="1:20" ht="22.5" customHeight="1" x14ac:dyDescent="0.4">
      <c r="I75" s="51"/>
      <c r="R75" s="51"/>
      <c r="S75" s="51"/>
    </row>
    <row r="76" spans="1:20" ht="22.5" customHeight="1" x14ac:dyDescent="0.4">
      <c r="I76" s="51"/>
      <c r="R76" s="51"/>
      <c r="S76" s="51"/>
    </row>
    <row r="77" spans="1:20" ht="22.5" customHeight="1" x14ac:dyDescent="0.4">
      <c r="I77" s="51"/>
      <c r="R77" s="51"/>
      <c r="S77" s="51"/>
    </row>
    <row r="78" spans="1:20" ht="22.5" customHeight="1" x14ac:dyDescent="0.4">
      <c r="I78" s="51"/>
      <c r="R78" s="51"/>
      <c r="S78" s="51"/>
    </row>
    <row r="79" spans="1:20" ht="22.5" customHeight="1" x14ac:dyDescent="0.4">
      <c r="I79" s="51"/>
      <c r="R79" s="51"/>
      <c r="S79" s="51"/>
    </row>
    <row r="80" spans="1:20" ht="22.5" customHeight="1" x14ac:dyDescent="0.4">
      <c r="I80" s="51"/>
      <c r="R80" s="51"/>
      <c r="S80" s="51"/>
    </row>
    <row r="81" spans="9:19" ht="22.5" customHeight="1" x14ac:dyDescent="0.4">
      <c r="I81" s="51"/>
      <c r="R81" s="51"/>
      <c r="S81" s="51"/>
    </row>
    <row r="82" spans="9:19" ht="22.5" customHeight="1" x14ac:dyDescent="0.4">
      <c r="I82" s="51"/>
      <c r="R82" s="51"/>
      <c r="S82" s="51"/>
    </row>
    <row r="83" spans="9:19" ht="22.5" customHeight="1" x14ac:dyDescent="0.4">
      <c r="I83" s="51"/>
      <c r="R83" s="51"/>
      <c r="S83" s="51"/>
    </row>
    <row r="84" spans="9:19" ht="22.5" customHeight="1" x14ac:dyDescent="0.4">
      <c r="I84" s="51"/>
      <c r="R84" s="51"/>
      <c r="S84" s="51"/>
    </row>
    <row r="85" spans="9:19" ht="22.5" customHeight="1" x14ac:dyDescent="0.4">
      <c r="I85" s="51"/>
      <c r="R85" s="51"/>
      <c r="S85" s="51"/>
    </row>
    <row r="86" spans="9:19" ht="22.5" customHeight="1" x14ac:dyDescent="0.4">
      <c r="I86" s="51"/>
      <c r="R86" s="51"/>
      <c r="S86" s="51"/>
    </row>
    <row r="87" spans="9:19" ht="22.5" customHeight="1" x14ac:dyDescent="0.4">
      <c r="I87" s="51"/>
      <c r="R87" s="51"/>
      <c r="S87" s="51"/>
    </row>
    <row r="88" spans="9:19" ht="22.5" customHeight="1" x14ac:dyDescent="0.4">
      <c r="I88" s="51"/>
      <c r="R88" s="51"/>
      <c r="S88" s="51"/>
    </row>
    <row r="89" spans="9:19" ht="22.5" customHeight="1" x14ac:dyDescent="0.4">
      <c r="I89" s="51"/>
      <c r="R89" s="51"/>
      <c r="S89" s="51"/>
    </row>
    <row r="90" spans="9:19" ht="22.5" customHeight="1" x14ac:dyDescent="0.4">
      <c r="I90" s="51"/>
      <c r="R90" s="51"/>
      <c r="S90" s="51"/>
    </row>
    <row r="91" spans="9:19" ht="22.5" customHeight="1" x14ac:dyDescent="0.4">
      <c r="I91" s="51"/>
      <c r="R91" s="51"/>
      <c r="S91" s="51"/>
    </row>
    <row r="92" spans="9:19" ht="22.5" customHeight="1" x14ac:dyDescent="0.4">
      <c r="I92" s="51"/>
      <c r="R92" s="51"/>
      <c r="S92" s="51"/>
    </row>
    <row r="93" spans="9:19" ht="22.5" customHeight="1" x14ac:dyDescent="0.4">
      <c r="I93" s="51"/>
      <c r="R93" s="51"/>
      <c r="S93" s="51"/>
    </row>
    <row r="94" spans="9:19" ht="22.5" customHeight="1" x14ac:dyDescent="0.4">
      <c r="I94" s="51"/>
      <c r="R94" s="51"/>
      <c r="S94" s="51"/>
    </row>
    <row r="95" spans="9:19" ht="22.5" customHeight="1" x14ac:dyDescent="0.4">
      <c r="I95" s="51"/>
      <c r="R95" s="51"/>
      <c r="S95" s="51"/>
    </row>
    <row r="96" spans="9:19" ht="22.5" customHeight="1" x14ac:dyDescent="0.4">
      <c r="I96" s="51"/>
      <c r="R96" s="51"/>
      <c r="S96" s="51"/>
    </row>
    <row r="97" spans="9:19" ht="22.5" customHeight="1" x14ac:dyDescent="0.4">
      <c r="I97" s="51"/>
      <c r="R97" s="51"/>
      <c r="S97" s="51"/>
    </row>
    <row r="98" spans="9:19" ht="22.5" customHeight="1" x14ac:dyDescent="0.4">
      <c r="I98" s="51"/>
      <c r="R98" s="51"/>
      <c r="S98" s="51"/>
    </row>
    <row r="99" spans="9:19" ht="22.5" customHeight="1" x14ac:dyDescent="0.4">
      <c r="I99" s="51"/>
      <c r="R99" s="51"/>
      <c r="S99" s="51"/>
    </row>
    <row r="100" spans="9:19" ht="22.5" customHeight="1" x14ac:dyDescent="0.4">
      <c r="I100" s="51"/>
      <c r="R100" s="51"/>
      <c r="S100" s="51"/>
    </row>
    <row r="101" spans="9:19" ht="22.5" customHeight="1" x14ac:dyDescent="0.4">
      <c r="I101" s="51"/>
      <c r="R101" s="51"/>
      <c r="S101" s="51"/>
    </row>
    <row r="102" spans="9:19" ht="22.5" customHeight="1" x14ac:dyDescent="0.4">
      <c r="I102" s="51"/>
      <c r="R102" s="51"/>
      <c r="S102" s="51"/>
    </row>
    <row r="103" spans="9:19" ht="22.5" customHeight="1" x14ac:dyDescent="0.4">
      <c r="I103" s="51"/>
      <c r="R103" s="51"/>
      <c r="S103" s="51"/>
    </row>
    <row r="104" spans="9:19" ht="22.5" customHeight="1" x14ac:dyDescent="0.4">
      <c r="I104" s="51"/>
      <c r="R104" s="51"/>
      <c r="S104" s="51"/>
    </row>
    <row r="105" spans="9:19" ht="22.5" customHeight="1" x14ac:dyDescent="0.4">
      <c r="I105" s="51"/>
      <c r="R105" s="51"/>
      <c r="S105" s="51"/>
    </row>
    <row r="106" spans="9:19" ht="22.5" customHeight="1" x14ac:dyDescent="0.4">
      <c r="I106" s="51"/>
      <c r="R106" s="51"/>
      <c r="S106" s="51"/>
    </row>
    <row r="107" spans="9:19" ht="22.5" customHeight="1" x14ac:dyDescent="0.4">
      <c r="I107" s="51"/>
      <c r="R107" s="51"/>
      <c r="S107" s="51"/>
    </row>
    <row r="108" spans="9:19" ht="22.5" customHeight="1" x14ac:dyDescent="0.4">
      <c r="I108" s="51"/>
      <c r="R108" s="51"/>
      <c r="S108" s="51"/>
    </row>
    <row r="109" spans="9:19" ht="22.5" customHeight="1" x14ac:dyDescent="0.4">
      <c r="I109" s="51"/>
      <c r="R109" s="51"/>
      <c r="S109" s="51"/>
    </row>
    <row r="110" spans="9:19" ht="22.5" customHeight="1" x14ac:dyDescent="0.4">
      <c r="I110" s="51"/>
      <c r="R110" s="51"/>
      <c r="S110" s="51"/>
    </row>
    <row r="111" spans="9:19" ht="22.5" customHeight="1" x14ac:dyDescent="0.4">
      <c r="I111" s="51"/>
      <c r="R111" s="51"/>
      <c r="S111" s="51"/>
    </row>
    <row r="112" spans="9:19" ht="22.5" customHeight="1" x14ac:dyDescent="0.4">
      <c r="I112" s="51"/>
      <c r="R112" s="51"/>
      <c r="S112" s="51"/>
    </row>
    <row r="113" spans="9:19" ht="22.5" customHeight="1" x14ac:dyDescent="0.4">
      <c r="I113" s="51"/>
      <c r="R113" s="51"/>
      <c r="S113" s="51"/>
    </row>
    <row r="114" spans="9:19" ht="22.5" customHeight="1" x14ac:dyDescent="0.4">
      <c r="I114" s="51"/>
      <c r="R114" s="51"/>
      <c r="S114" s="51"/>
    </row>
    <row r="115" spans="9:19" ht="22.5" customHeight="1" x14ac:dyDescent="0.4">
      <c r="I115" s="51"/>
      <c r="R115" s="51"/>
      <c r="S115" s="51"/>
    </row>
    <row r="116" spans="9:19" ht="22.5" customHeight="1" x14ac:dyDescent="0.4">
      <c r="I116" s="51"/>
      <c r="R116" s="51"/>
      <c r="S116" s="51"/>
    </row>
    <row r="117" spans="9:19" ht="22.5" customHeight="1" x14ac:dyDescent="0.4">
      <c r="I117" s="51"/>
      <c r="R117" s="51"/>
      <c r="S117" s="51"/>
    </row>
    <row r="118" spans="9:19" ht="22.5" customHeight="1" x14ac:dyDescent="0.4">
      <c r="I118" s="51"/>
      <c r="R118" s="51"/>
      <c r="S118" s="51"/>
    </row>
    <row r="119" spans="9:19" ht="22.5" customHeight="1" x14ac:dyDescent="0.4">
      <c r="I119" s="51"/>
      <c r="R119" s="51"/>
      <c r="S119" s="51"/>
    </row>
    <row r="120" spans="9:19" ht="22.5" customHeight="1" x14ac:dyDescent="0.4">
      <c r="I120" s="51"/>
      <c r="R120" s="51"/>
      <c r="S120" s="51"/>
    </row>
    <row r="121" spans="9:19" ht="22.5" customHeight="1" x14ac:dyDescent="0.4">
      <c r="I121" s="51"/>
      <c r="R121" s="51"/>
      <c r="S121" s="51"/>
    </row>
    <row r="122" spans="9:19" ht="22.5" customHeight="1" x14ac:dyDescent="0.4">
      <c r="I122" s="51"/>
      <c r="R122" s="51"/>
      <c r="S122" s="51"/>
    </row>
    <row r="123" spans="9:19" ht="22.5" customHeight="1" x14ac:dyDescent="0.4">
      <c r="I123" s="51"/>
      <c r="R123" s="51"/>
      <c r="S123" s="51"/>
    </row>
    <row r="124" spans="9:19" ht="22.5" customHeight="1" x14ac:dyDescent="0.4">
      <c r="I124" s="51"/>
      <c r="R124" s="51"/>
      <c r="S124" s="51"/>
    </row>
    <row r="125" spans="9:19" ht="22.5" customHeight="1" x14ac:dyDescent="0.4">
      <c r="I125" s="51"/>
      <c r="R125" s="51"/>
      <c r="S125" s="51"/>
    </row>
    <row r="126" spans="9:19" ht="22.5" customHeight="1" x14ac:dyDescent="0.4">
      <c r="I126" s="51"/>
      <c r="R126" s="51"/>
      <c r="S126" s="51"/>
    </row>
    <row r="127" spans="9:19" ht="22.5" customHeight="1" x14ac:dyDescent="0.4">
      <c r="I127" s="51"/>
      <c r="R127" s="51"/>
      <c r="S127" s="51"/>
    </row>
    <row r="128" spans="9:19" ht="22.5" customHeight="1" x14ac:dyDescent="0.4">
      <c r="I128" s="51"/>
      <c r="R128" s="51"/>
      <c r="S128" s="51"/>
    </row>
    <row r="129" spans="9:19" ht="22.5" customHeight="1" x14ac:dyDescent="0.4">
      <c r="I129" s="51"/>
      <c r="R129" s="51"/>
      <c r="S129" s="51"/>
    </row>
    <row r="130" spans="9:19" ht="22.5" customHeight="1" x14ac:dyDescent="0.4">
      <c r="I130" s="51"/>
      <c r="R130" s="51"/>
      <c r="S130" s="51"/>
    </row>
    <row r="131" spans="9:19" ht="22.5" customHeight="1" x14ac:dyDescent="0.4">
      <c r="I131" s="51"/>
      <c r="R131" s="51"/>
      <c r="S131" s="51"/>
    </row>
    <row r="132" spans="9:19" ht="22.5" customHeight="1" x14ac:dyDescent="0.4">
      <c r="I132" s="51"/>
      <c r="R132" s="51"/>
      <c r="S132" s="51"/>
    </row>
    <row r="133" spans="9:19" ht="22.5" customHeight="1" x14ac:dyDescent="0.4">
      <c r="I133" s="51"/>
      <c r="R133" s="51"/>
      <c r="S133" s="51"/>
    </row>
    <row r="134" spans="9:19" ht="22.5" customHeight="1" x14ac:dyDescent="0.4">
      <c r="I134" s="51"/>
      <c r="R134" s="51"/>
      <c r="S134" s="51"/>
    </row>
    <row r="135" spans="9:19" ht="22.5" customHeight="1" x14ac:dyDescent="0.4">
      <c r="I135" s="51"/>
      <c r="R135" s="51"/>
      <c r="S135" s="51"/>
    </row>
    <row r="136" spans="9:19" ht="22.5" customHeight="1" x14ac:dyDescent="0.4">
      <c r="I136" s="51"/>
      <c r="R136" s="51"/>
      <c r="S136" s="51"/>
    </row>
    <row r="137" spans="9:19" ht="22.5" customHeight="1" x14ac:dyDescent="0.4">
      <c r="I137" s="51"/>
      <c r="R137" s="51"/>
      <c r="S137" s="51"/>
    </row>
    <row r="138" spans="9:19" ht="22.5" customHeight="1" x14ac:dyDescent="0.4">
      <c r="I138" s="51"/>
      <c r="R138" s="51"/>
      <c r="S138" s="51"/>
    </row>
    <row r="139" spans="9:19" ht="22.5" customHeight="1" x14ac:dyDescent="0.4">
      <c r="I139" s="51"/>
      <c r="R139" s="51"/>
      <c r="S139" s="51"/>
    </row>
    <row r="140" spans="9:19" ht="22.5" customHeight="1" x14ac:dyDescent="0.4">
      <c r="I140" s="51"/>
      <c r="R140" s="51"/>
      <c r="S140" s="51"/>
    </row>
    <row r="141" spans="9:19" ht="22.5" customHeight="1" x14ac:dyDescent="0.4">
      <c r="I141" s="51"/>
      <c r="R141" s="51"/>
      <c r="S141" s="51"/>
    </row>
    <row r="142" spans="9:19" ht="22.5" customHeight="1" x14ac:dyDescent="0.4">
      <c r="I142" s="51"/>
      <c r="R142" s="51"/>
      <c r="S142" s="51"/>
    </row>
    <row r="143" spans="9:19" ht="22.5" customHeight="1" x14ac:dyDescent="0.4">
      <c r="I143" s="51"/>
      <c r="R143" s="51"/>
      <c r="S143" s="51"/>
    </row>
    <row r="144" spans="9:19" ht="22.5" customHeight="1" x14ac:dyDescent="0.4">
      <c r="I144" s="51"/>
      <c r="R144" s="51"/>
      <c r="S144" s="51"/>
    </row>
    <row r="145" spans="9:19" ht="22.5" customHeight="1" x14ac:dyDescent="0.4">
      <c r="I145" s="51"/>
      <c r="R145" s="51"/>
      <c r="S145" s="51"/>
    </row>
    <row r="146" spans="9:19" ht="22.5" customHeight="1" x14ac:dyDescent="0.4">
      <c r="I146" s="51"/>
      <c r="R146" s="51"/>
      <c r="S146" s="51"/>
    </row>
    <row r="147" spans="9:19" ht="22.5" customHeight="1" x14ac:dyDescent="0.4">
      <c r="I147" s="51"/>
      <c r="R147" s="51"/>
      <c r="S147" s="51"/>
    </row>
    <row r="148" spans="9:19" ht="22.5" customHeight="1" x14ac:dyDescent="0.4">
      <c r="I148" s="51"/>
      <c r="R148" s="51"/>
      <c r="S148" s="51"/>
    </row>
    <row r="149" spans="9:19" ht="22.5" customHeight="1" x14ac:dyDescent="0.4">
      <c r="I149" s="51"/>
      <c r="R149" s="51"/>
      <c r="S149" s="51"/>
    </row>
    <row r="150" spans="9:19" ht="22.5" customHeight="1" x14ac:dyDescent="0.4">
      <c r="I150" s="51"/>
      <c r="R150" s="51"/>
      <c r="S150" s="51"/>
    </row>
    <row r="151" spans="9:19" ht="22.5" customHeight="1" x14ac:dyDescent="0.4">
      <c r="I151" s="51"/>
      <c r="R151" s="51"/>
      <c r="S151" s="51"/>
    </row>
    <row r="152" spans="9:19" ht="22.5" customHeight="1" x14ac:dyDescent="0.4">
      <c r="I152" s="51"/>
      <c r="R152" s="51"/>
      <c r="S152" s="51"/>
    </row>
    <row r="153" spans="9:19" ht="22.5" customHeight="1" x14ac:dyDescent="0.4">
      <c r="I153" s="51"/>
      <c r="R153" s="51"/>
      <c r="S153" s="51"/>
    </row>
    <row r="154" spans="9:19" ht="22.5" customHeight="1" x14ac:dyDescent="0.4">
      <c r="I154" s="51"/>
      <c r="R154" s="51"/>
      <c r="S154" s="51"/>
    </row>
    <row r="155" spans="9:19" ht="22.5" customHeight="1" x14ac:dyDescent="0.4">
      <c r="I155" s="51"/>
      <c r="R155" s="51"/>
      <c r="S155" s="51"/>
    </row>
    <row r="156" spans="9:19" ht="22.5" customHeight="1" x14ac:dyDescent="0.4">
      <c r="I156" s="51"/>
      <c r="R156" s="51"/>
      <c r="S156" s="51"/>
    </row>
    <row r="157" spans="9:19" ht="22.5" customHeight="1" x14ac:dyDescent="0.4">
      <c r="I157" s="51"/>
      <c r="R157" s="51"/>
      <c r="S157" s="51"/>
    </row>
    <row r="158" spans="9:19" ht="22.5" customHeight="1" x14ac:dyDescent="0.4">
      <c r="I158" s="51"/>
      <c r="R158" s="51"/>
      <c r="S158" s="51"/>
    </row>
    <row r="159" spans="9:19" ht="22.5" customHeight="1" x14ac:dyDescent="0.4">
      <c r="I159" s="51"/>
      <c r="R159" s="51"/>
      <c r="S159" s="51"/>
    </row>
    <row r="160" spans="9:19" ht="22.5" customHeight="1" x14ac:dyDescent="0.4">
      <c r="I160" s="51"/>
      <c r="R160" s="51"/>
      <c r="S160" s="51"/>
    </row>
    <row r="161" spans="9:19" ht="22.5" customHeight="1" x14ac:dyDescent="0.4">
      <c r="I161" s="51"/>
      <c r="R161" s="51"/>
      <c r="S161" s="51"/>
    </row>
    <row r="162" spans="9:19" ht="22.5" customHeight="1" x14ac:dyDescent="0.4">
      <c r="I162" s="51"/>
      <c r="R162" s="51"/>
      <c r="S162" s="51"/>
    </row>
    <row r="163" spans="9:19" ht="22.5" customHeight="1" x14ac:dyDescent="0.4">
      <c r="I163" s="51"/>
      <c r="R163" s="51"/>
      <c r="S163" s="51"/>
    </row>
    <row r="164" spans="9:19" ht="22.5" customHeight="1" x14ac:dyDescent="0.4">
      <c r="I164" s="51"/>
      <c r="R164" s="51"/>
      <c r="S164" s="51"/>
    </row>
    <row r="165" spans="9:19" ht="22.5" customHeight="1" x14ac:dyDescent="0.4">
      <c r="I165" s="51"/>
      <c r="R165" s="51"/>
      <c r="S165" s="51"/>
    </row>
    <row r="166" spans="9:19" ht="22.5" customHeight="1" x14ac:dyDescent="0.4">
      <c r="I166" s="51"/>
      <c r="R166" s="51"/>
      <c r="S166" s="51"/>
    </row>
    <row r="167" spans="9:19" ht="22.5" customHeight="1" x14ac:dyDescent="0.4">
      <c r="I167" s="51"/>
      <c r="R167" s="51"/>
      <c r="S167" s="51"/>
    </row>
    <row r="168" spans="9:19" ht="22.5" customHeight="1" x14ac:dyDescent="0.4">
      <c r="I168" s="51"/>
      <c r="R168" s="51"/>
      <c r="S168" s="51"/>
    </row>
    <row r="169" spans="9:19" ht="22.5" customHeight="1" x14ac:dyDescent="0.4">
      <c r="I169" s="51"/>
      <c r="R169" s="51"/>
      <c r="S169" s="51"/>
    </row>
    <row r="170" spans="9:19" ht="22.5" customHeight="1" x14ac:dyDescent="0.4">
      <c r="I170" s="51"/>
      <c r="R170" s="51"/>
      <c r="S170" s="51"/>
    </row>
    <row r="171" spans="9:19" ht="22.5" customHeight="1" x14ac:dyDescent="0.4">
      <c r="I171" s="51"/>
      <c r="R171" s="51"/>
      <c r="S171" s="51"/>
    </row>
    <row r="172" spans="9:19" ht="22.5" customHeight="1" x14ac:dyDescent="0.4">
      <c r="I172" s="51"/>
      <c r="R172" s="51"/>
      <c r="S172" s="51"/>
    </row>
    <row r="173" spans="9:19" ht="22.5" customHeight="1" x14ac:dyDescent="0.4">
      <c r="I173" s="51"/>
      <c r="R173" s="51"/>
      <c r="S173" s="51"/>
    </row>
    <row r="174" spans="9:19" ht="22.5" customHeight="1" x14ac:dyDescent="0.4">
      <c r="I174" s="51"/>
      <c r="R174" s="51"/>
      <c r="S174" s="51"/>
    </row>
    <row r="175" spans="9:19" ht="22.5" customHeight="1" x14ac:dyDescent="0.4">
      <c r="I175" s="51"/>
      <c r="R175" s="51"/>
      <c r="S175" s="51"/>
    </row>
    <row r="176" spans="9:19" ht="22.5" customHeight="1" x14ac:dyDescent="0.4">
      <c r="I176" s="51"/>
      <c r="R176" s="51"/>
      <c r="S176" s="51"/>
    </row>
    <row r="177" spans="9:19" ht="22.5" customHeight="1" x14ac:dyDescent="0.4">
      <c r="I177" s="51"/>
      <c r="R177" s="51"/>
      <c r="S177" s="51"/>
    </row>
    <row r="178" spans="9:19" ht="22.5" customHeight="1" x14ac:dyDescent="0.4">
      <c r="I178" s="51"/>
      <c r="R178" s="51"/>
      <c r="S178" s="51"/>
    </row>
    <row r="179" spans="9:19" ht="22.5" customHeight="1" x14ac:dyDescent="0.4">
      <c r="I179" s="51"/>
      <c r="R179" s="51"/>
      <c r="S179" s="51"/>
    </row>
    <row r="180" spans="9:19" ht="22.5" customHeight="1" x14ac:dyDescent="0.4">
      <c r="I180" s="51"/>
      <c r="R180" s="51"/>
      <c r="S180" s="51"/>
    </row>
    <row r="181" spans="9:19" ht="22.5" customHeight="1" x14ac:dyDescent="0.4">
      <c r="I181" s="51"/>
      <c r="R181" s="51"/>
      <c r="S181" s="51"/>
    </row>
    <row r="182" spans="9:19" ht="22.5" customHeight="1" x14ac:dyDescent="0.4">
      <c r="I182" s="51"/>
      <c r="R182" s="51"/>
      <c r="S182" s="51"/>
    </row>
    <row r="183" spans="9:19" ht="22.5" customHeight="1" x14ac:dyDescent="0.4">
      <c r="I183" s="51"/>
      <c r="R183" s="51"/>
      <c r="S183" s="51"/>
    </row>
    <row r="184" spans="9:19" ht="22.5" customHeight="1" x14ac:dyDescent="0.4">
      <c r="I184" s="51"/>
      <c r="R184" s="51"/>
      <c r="S184" s="51"/>
    </row>
    <row r="185" spans="9:19" ht="22.5" customHeight="1" x14ac:dyDescent="0.4">
      <c r="I185" s="51"/>
      <c r="R185" s="51"/>
      <c r="S185" s="51"/>
    </row>
    <row r="186" spans="9:19" ht="22.5" customHeight="1" x14ac:dyDescent="0.4">
      <c r="I186" s="51"/>
      <c r="R186" s="51"/>
      <c r="S186" s="51"/>
    </row>
    <row r="187" spans="9:19" ht="22.5" customHeight="1" x14ac:dyDescent="0.4">
      <c r="I187" s="51"/>
      <c r="R187" s="51"/>
      <c r="S187" s="51"/>
    </row>
    <row r="188" spans="9:19" ht="22.5" customHeight="1" x14ac:dyDescent="0.4">
      <c r="I188" s="51"/>
      <c r="R188" s="51"/>
      <c r="S188" s="51"/>
    </row>
    <row r="189" spans="9:19" ht="22.5" customHeight="1" x14ac:dyDescent="0.4">
      <c r="I189" s="51"/>
      <c r="R189" s="51"/>
      <c r="S189" s="51"/>
    </row>
    <row r="190" spans="9:19" ht="22.5" customHeight="1" x14ac:dyDescent="0.4">
      <c r="I190" s="51"/>
      <c r="R190" s="51"/>
      <c r="S190" s="51"/>
    </row>
    <row r="191" spans="9:19" ht="22.5" customHeight="1" x14ac:dyDescent="0.4">
      <c r="I191" s="51"/>
      <c r="R191" s="51"/>
      <c r="S191" s="51"/>
    </row>
    <row r="192" spans="9:19" ht="22.5" customHeight="1" x14ac:dyDescent="0.4">
      <c r="I192" s="51"/>
      <c r="R192" s="51"/>
      <c r="S192" s="51"/>
    </row>
    <row r="193" spans="9:19" ht="22.5" customHeight="1" x14ac:dyDescent="0.4">
      <c r="I193" s="51"/>
      <c r="R193" s="51"/>
      <c r="S193" s="51"/>
    </row>
    <row r="194" spans="9:19" ht="22.5" customHeight="1" x14ac:dyDescent="0.4">
      <c r="I194" s="51"/>
      <c r="R194" s="51"/>
      <c r="S194" s="51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A20977-4435-4674-944A-E03C31123FE2}">
  <dimension ref="A1:M192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34" customWidth="1"/>
    <col min="2" max="2" width="11.125" style="34" customWidth="1"/>
    <col min="3" max="8" width="7.5" style="34" customWidth="1"/>
    <col min="9" max="9" width="28.125" style="34" customWidth="1"/>
    <col min="10" max="10" width="50" style="34" customWidth="1"/>
    <col min="11" max="11" width="2.5" style="34" customWidth="1"/>
    <col min="12" max="12" width="11.125" style="34" customWidth="1"/>
    <col min="13" max="13" width="7.5" style="34" customWidth="1"/>
    <col min="14" max="256" width="8.875" style="1"/>
    <col min="257" max="257" width="7.5" style="1" customWidth="1"/>
    <col min="258" max="258" width="11.125" style="1" customWidth="1"/>
    <col min="259" max="264" width="7.5" style="1" customWidth="1"/>
    <col min="265" max="265" width="28.125" style="1" customWidth="1"/>
    <col min="266" max="266" width="50" style="1" customWidth="1"/>
    <col min="267" max="267" width="2.5" style="1" customWidth="1"/>
    <col min="268" max="268" width="11.125" style="1" customWidth="1"/>
    <col min="269" max="269" width="7.5" style="1" customWidth="1"/>
    <col min="270" max="512" width="8.875" style="1"/>
    <col min="513" max="513" width="7.5" style="1" customWidth="1"/>
    <col min="514" max="514" width="11.125" style="1" customWidth="1"/>
    <col min="515" max="520" width="7.5" style="1" customWidth="1"/>
    <col min="521" max="521" width="28.125" style="1" customWidth="1"/>
    <col min="522" max="522" width="50" style="1" customWidth="1"/>
    <col min="523" max="523" width="2.5" style="1" customWidth="1"/>
    <col min="524" max="524" width="11.125" style="1" customWidth="1"/>
    <col min="525" max="525" width="7.5" style="1" customWidth="1"/>
    <col min="526" max="768" width="8.875" style="1"/>
    <col min="769" max="769" width="7.5" style="1" customWidth="1"/>
    <col min="770" max="770" width="11.125" style="1" customWidth="1"/>
    <col min="771" max="776" width="7.5" style="1" customWidth="1"/>
    <col min="777" max="777" width="28.125" style="1" customWidth="1"/>
    <col min="778" max="778" width="50" style="1" customWidth="1"/>
    <col min="779" max="779" width="2.5" style="1" customWidth="1"/>
    <col min="780" max="780" width="11.125" style="1" customWidth="1"/>
    <col min="781" max="781" width="7.5" style="1" customWidth="1"/>
    <col min="782" max="1024" width="8.875" style="1"/>
    <col min="1025" max="1025" width="7.5" style="1" customWidth="1"/>
    <col min="1026" max="1026" width="11.125" style="1" customWidth="1"/>
    <col min="1027" max="1032" width="7.5" style="1" customWidth="1"/>
    <col min="1033" max="1033" width="28.125" style="1" customWidth="1"/>
    <col min="1034" max="1034" width="50" style="1" customWidth="1"/>
    <col min="1035" max="1035" width="2.5" style="1" customWidth="1"/>
    <col min="1036" max="1036" width="11.125" style="1" customWidth="1"/>
    <col min="1037" max="1037" width="7.5" style="1" customWidth="1"/>
    <col min="1038" max="1280" width="8.875" style="1"/>
    <col min="1281" max="1281" width="7.5" style="1" customWidth="1"/>
    <col min="1282" max="1282" width="11.125" style="1" customWidth="1"/>
    <col min="1283" max="1288" width="7.5" style="1" customWidth="1"/>
    <col min="1289" max="1289" width="28.125" style="1" customWidth="1"/>
    <col min="1290" max="1290" width="50" style="1" customWidth="1"/>
    <col min="1291" max="1291" width="2.5" style="1" customWidth="1"/>
    <col min="1292" max="1292" width="11.125" style="1" customWidth="1"/>
    <col min="1293" max="1293" width="7.5" style="1" customWidth="1"/>
    <col min="1294" max="1536" width="8.875" style="1"/>
    <col min="1537" max="1537" width="7.5" style="1" customWidth="1"/>
    <col min="1538" max="1538" width="11.125" style="1" customWidth="1"/>
    <col min="1539" max="1544" width="7.5" style="1" customWidth="1"/>
    <col min="1545" max="1545" width="28.125" style="1" customWidth="1"/>
    <col min="1546" max="1546" width="50" style="1" customWidth="1"/>
    <col min="1547" max="1547" width="2.5" style="1" customWidth="1"/>
    <col min="1548" max="1548" width="11.125" style="1" customWidth="1"/>
    <col min="1549" max="1549" width="7.5" style="1" customWidth="1"/>
    <col min="1550" max="1792" width="8.875" style="1"/>
    <col min="1793" max="1793" width="7.5" style="1" customWidth="1"/>
    <col min="1794" max="1794" width="11.125" style="1" customWidth="1"/>
    <col min="1795" max="1800" width="7.5" style="1" customWidth="1"/>
    <col min="1801" max="1801" width="28.125" style="1" customWidth="1"/>
    <col min="1802" max="1802" width="50" style="1" customWidth="1"/>
    <col min="1803" max="1803" width="2.5" style="1" customWidth="1"/>
    <col min="1804" max="1804" width="11.125" style="1" customWidth="1"/>
    <col min="1805" max="1805" width="7.5" style="1" customWidth="1"/>
    <col min="1806" max="2048" width="8.875" style="1"/>
    <col min="2049" max="2049" width="7.5" style="1" customWidth="1"/>
    <col min="2050" max="2050" width="11.125" style="1" customWidth="1"/>
    <col min="2051" max="2056" width="7.5" style="1" customWidth="1"/>
    <col min="2057" max="2057" width="28.125" style="1" customWidth="1"/>
    <col min="2058" max="2058" width="50" style="1" customWidth="1"/>
    <col min="2059" max="2059" width="2.5" style="1" customWidth="1"/>
    <col min="2060" max="2060" width="11.125" style="1" customWidth="1"/>
    <col min="2061" max="2061" width="7.5" style="1" customWidth="1"/>
    <col min="2062" max="2304" width="8.875" style="1"/>
    <col min="2305" max="2305" width="7.5" style="1" customWidth="1"/>
    <col min="2306" max="2306" width="11.125" style="1" customWidth="1"/>
    <col min="2307" max="2312" width="7.5" style="1" customWidth="1"/>
    <col min="2313" max="2313" width="28.125" style="1" customWidth="1"/>
    <col min="2314" max="2314" width="50" style="1" customWidth="1"/>
    <col min="2315" max="2315" width="2.5" style="1" customWidth="1"/>
    <col min="2316" max="2316" width="11.125" style="1" customWidth="1"/>
    <col min="2317" max="2317" width="7.5" style="1" customWidth="1"/>
    <col min="2318" max="2560" width="8.875" style="1"/>
    <col min="2561" max="2561" width="7.5" style="1" customWidth="1"/>
    <col min="2562" max="2562" width="11.125" style="1" customWidth="1"/>
    <col min="2563" max="2568" width="7.5" style="1" customWidth="1"/>
    <col min="2569" max="2569" width="28.125" style="1" customWidth="1"/>
    <col min="2570" max="2570" width="50" style="1" customWidth="1"/>
    <col min="2571" max="2571" width="2.5" style="1" customWidth="1"/>
    <col min="2572" max="2572" width="11.125" style="1" customWidth="1"/>
    <col min="2573" max="2573" width="7.5" style="1" customWidth="1"/>
    <col min="2574" max="2816" width="8.875" style="1"/>
    <col min="2817" max="2817" width="7.5" style="1" customWidth="1"/>
    <col min="2818" max="2818" width="11.125" style="1" customWidth="1"/>
    <col min="2819" max="2824" width="7.5" style="1" customWidth="1"/>
    <col min="2825" max="2825" width="28.125" style="1" customWidth="1"/>
    <col min="2826" max="2826" width="50" style="1" customWidth="1"/>
    <col min="2827" max="2827" width="2.5" style="1" customWidth="1"/>
    <col min="2828" max="2828" width="11.125" style="1" customWidth="1"/>
    <col min="2829" max="2829" width="7.5" style="1" customWidth="1"/>
    <col min="2830" max="3072" width="8.875" style="1"/>
    <col min="3073" max="3073" width="7.5" style="1" customWidth="1"/>
    <col min="3074" max="3074" width="11.125" style="1" customWidth="1"/>
    <col min="3075" max="3080" width="7.5" style="1" customWidth="1"/>
    <col min="3081" max="3081" width="28.125" style="1" customWidth="1"/>
    <col min="3082" max="3082" width="50" style="1" customWidth="1"/>
    <col min="3083" max="3083" width="2.5" style="1" customWidth="1"/>
    <col min="3084" max="3084" width="11.125" style="1" customWidth="1"/>
    <col min="3085" max="3085" width="7.5" style="1" customWidth="1"/>
    <col min="3086" max="3328" width="8.875" style="1"/>
    <col min="3329" max="3329" width="7.5" style="1" customWidth="1"/>
    <col min="3330" max="3330" width="11.125" style="1" customWidth="1"/>
    <col min="3331" max="3336" width="7.5" style="1" customWidth="1"/>
    <col min="3337" max="3337" width="28.125" style="1" customWidth="1"/>
    <col min="3338" max="3338" width="50" style="1" customWidth="1"/>
    <col min="3339" max="3339" width="2.5" style="1" customWidth="1"/>
    <col min="3340" max="3340" width="11.125" style="1" customWidth="1"/>
    <col min="3341" max="3341" width="7.5" style="1" customWidth="1"/>
    <col min="3342" max="3584" width="8.875" style="1"/>
    <col min="3585" max="3585" width="7.5" style="1" customWidth="1"/>
    <col min="3586" max="3586" width="11.125" style="1" customWidth="1"/>
    <col min="3587" max="3592" width="7.5" style="1" customWidth="1"/>
    <col min="3593" max="3593" width="28.125" style="1" customWidth="1"/>
    <col min="3594" max="3594" width="50" style="1" customWidth="1"/>
    <col min="3595" max="3595" width="2.5" style="1" customWidth="1"/>
    <col min="3596" max="3596" width="11.125" style="1" customWidth="1"/>
    <col min="3597" max="3597" width="7.5" style="1" customWidth="1"/>
    <col min="3598" max="3840" width="8.875" style="1"/>
    <col min="3841" max="3841" width="7.5" style="1" customWidth="1"/>
    <col min="3842" max="3842" width="11.125" style="1" customWidth="1"/>
    <col min="3843" max="3848" width="7.5" style="1" customWidth="1"/>
    <col min="3849" max="3849" width="28.125" style="1" customWidth="1"/>
    <col min="3850" max="3850" width="50" style="1" customWidth="1"/>
    <col min="3851" max="3851" width="2.5" style="1" customWidth="1"/>
    <col min="3852" max="3852" width="11.125" style="1" customWidth="1"/>
    <col min="3853" max="3853" width="7.5" style="1" customWidth="1"/>
    <col min="3854" max="4096" width="8.875" style="1"/>
    <col min="4097" max="4097" width="7.5" style="1" customWidth="1"/>
    <col min="4098" max="4098" width="11.125" style="1" customWidth="1"/>
    <col min="4099" max="4104" width="7.5" style="1" customWidth="1"/>
    <col min="4105" max="4105" width="28.125" style="1" customWidth="1"/>
    <col min="4106" max="4106" width="50" style="1" customWidth="1"/>
    <col min="4107" max="4107" width="2.5" style="1" customWidth="1"/>
    <col min="4108" max="4108" width="11.125" style="1" customWidth="1"/>
    <col min="4109" max="4109" width="7.5" style="1" customWidth="1"/>
    <col min="4110" max="4352" width="8.875" style="1"/>
    <col min="4353" max="4353" width="7.5" style="1" customWidth="1"/>
    <col min="4354" max="4354" width="11.125" style="1" customWidth="1"/>
    <col min="4355" max="4360" width="7.5" style="1" customWidth="1"/>
    <col min="4361" max="4361" width="28.125" style="1" customWidth="1"/>
    <col min="4362" max="4362" width="50" style="1" customWidth="1"/>
    <col min="4363" max="4363" width="2.5" style="1" customWidth="1"/>
    <col min="4364" max="4364" width="11.125" style="1" customWidth="1"/>
    <col min="4365" max="4365" width="7.5" style="1" customWidth="1"/>
    <col min="4366" max="4608" width="8.875" style="1"/>
    <col min="4609" max="4609" width="7.5" style="1" customWidth="1"/>
    <col min="4610" max="4610" width="11.125" style="1" customWidth="1"/>
    <col min="4611" max="4616" width="7.5" style="1" customWidth="1"/>
    <col min="4617" max="4617" width="28.125" style="1" customWidth="1"/>
    <col min="4618" max="4618" width="50" style="1" customWidth="1"/>
    <col min="4619" max="4619" width="2.5" style="1" customWidth="1"/>
    <col min="4620" max="4620" width="11.125" style="1" customWidth="1"/>
    <col min="4621" max="4621" width="7.5" style="1" customWidth="1"/>
    <col min="4622" max="4864" width="8.875" style="1"/>
    <col min="4865" max="4865" width="7.5" style="1" customWidth="1"/>
    <col min="4866" max="4866" width="11.125" style="1" customWidth="1"/>
    <col min="4867" max="4872" width="7.5" style="1" customWidth="1"/>
    <col min="4873" max="4873" width="28.125" style="1" customWidth="1"/>
    <col min="4874" max="4874" width="50" style="1" customWidth="1"/>
    <col min="4875" max="4875" width="2.5" style="1" customWidth="1"/>
    <col min="4876" max="4876" width="11.125" style="1" customWidth="1"/>
    <col min="4877" max="4877" width="7.5" style="1" customWidth="1"/>
    <col min="4878" max="5120" width="8.875" style="1"/>
    <col min="5121" max="5121" width="7.5" style="1" customWidth="1"/>
    <col min="5122" max="5122" width="11.125" style="1" customWidth="1"/>
    <col min="5123" max="5128" width="7.5" style="1" customWidth="1"/>
    <col min="5129" max="5129" width="28.125" style="1" customWidth="1"/>
    <col min="5130" max="5130" width="50" style="1" customWidth="1"/>
    <col min="5131" max="5131" width="2.5" style="1" customWidth="1"/>
    <col min="5132" max="5132" width="11.125" style="1" customWidth="1"/>
    <col min="5133" max="5133" width="7.5" style="1" customWidth="1"/>
    <col min="5134" max="5376" width="8.875" style="1"/>
    <col min="5377" max="5377" width="7.5" style="1" customWidth="1"/>
    <col min="5378" max="5378" width="11.125" style="1" customWidth="1"/>
    <col min="5379" max="5384" width="7.5" style="1" customWidth="1"/>
    <col min="5385" max="5385" width="28.125" style="1" customWidth="1"/>
    <col min="5386" max="5386" width="50" style="1" customWidth="1"/>
    <col min="5387" max="5387" width="2.5" style="1" customWidth="1"/>
    <col min="5388" max="5388" width="11.125" style="1" customWidth="1"/>
    <col min="5389" max="5389" width="7.5" style="1" customWidth="1"/>
    <col min="5390" max="5632" width="8.875" style="1"/>
    <col min="5633" max="5633" width="7.5" style="1" customWidth="1"/>
    <col min="5634" max="5634" width="11.125" style="1" customWidth="1"/>
    <col min="5635" max="5640" width="7.5" style="1" customWidth="1"/>
    <col min="5641" max="5641" width="28.125" style="1" customWidth="1"/>
    <col min="5642" max="5642" width="50" style="1" customWidth="1"/>
    <col min="5643" max="5643" width="2.5" style="1" customWidth="1"/>
    <col min="5644" max="5644" width="11.125" style="1" customWidth="1"/>
    <col min="5645" max="5645" width="7.5" style="1" customWidth="1"/>
    <col min="5646" max="5888" width="8.875" style="1"/>
    <col min="5889" max="5889" width="7.5" style="1" customWidth="1"/>
    <col min="5890" max="5890" width="11.125" style="1" customWidth="1"/>
    <col min="5891" max="5896" width="7.5" style="1" customWidth="1"/>
    <col min="5897" max="5897" width="28.125" style="1" customWidth="1"/>
    <col min="5898" max="5898" width="50" style="1" customWidth="1"/>
    <col min="5899" max="5899" width="2.5" style="1" customWidth="1"/>
    <col min="5900" max="5900" width="11.125" style="1" customWidth="1"/>
    <col min="5901" max="5901" width="7.5" style="1" customWidth="1"/>
    <col min="5902" max="6144" width="8.875" style="1"/>
    <col min="6145" max="6145" width="7.5" style="1" customWidth="1"/>
    <col min="6146" max="6146" width="11.125" style="1" customWidth="1"/>
    <col min="6147" max="6152" width="7.5" style="1" customWidth="1"/>
    <col min="6153" max="6153" width="28.125" style="1" customWidth="1"/>
    <col min="6154" max="6154" width="50" style="1" customWidth="1"/>
    <col min="6155" max="6155" width="2.5" style="1" customWidth="1"/>
    <col min="6156" max="6156" width="11.125" style="1" customWidth="1"/>
    <col min="6157" max="6157" width="7.5" style="1" customWidth="1"/>
    <col min="6158" max="6400" width="8.875" style="1"/>
    <col min="6401" max="6401" width="7.5" style="1" customWidth="1"/>
    <col min="6402" max="6402" width="11.125" style="1" customWidth="1"/>
    <col min="6403" max="6408" width="7.5" style="1" customWidth="1"/>
    <col min="6409" max="6409" width="28.125" style="1" customWidth="1"/>
    <col min="6410" max="6410" width="50" style="1" customWidth="1"/>
    <col min="6411" max="6411" width="2.5" style="1" customWidth="1"/>
    <col min="6412" max="6412" width="11.125" style="1" customWidth="1"/>
    <col min="6413" max="6413" width="7.5" style="1" customWidth="1"/>
    <col min="6414" max="6656" width="8.875" style="1"/>
    <col min="6657" max="6657" width="7.5" style="1" customWidth="1"/>
    <col min="6658" max="6658" width="11.125" style="1" customWidth="1"/>
    <col min="6659" max="6664" width="7.5" style="1" customWidth="1"/>
    <col min="6665" max="6665" width="28.125" style="1" customWidth="1"/>
    <col min="6666" max="6666" width="50" style="1" customWidth="1"/>
    <col min="6667" max="6667" width="2.5" style="1" customWidth="1"/>
    <col min="6668" max="6668" width="11.125" style="1" customWidth="1"/>
    <col min="6669" max="6669" width="7.5" style="1" customWidth="1"/>
    <col min="6670" max="6912" width="8.875" style="1"/>
    <col min="6913" max="6913" width="7.5" style="1" customWidth="1"/>
    <col min="6914" max="6914" width="11.125" style="1" customWidth="1"/>
    <col min="6915" max="6920" width="7.5" style="1" customWidth="1"/>
    <col min="6921" max="6921" width="28.125" style="1" customWidth="1"/>
    <col min="6922" max="6922" width="50" style="1" customWidth="1"/>
    <col min="6923" max="6923" width="2.5" style="1" customWidth="1"/>
    <col min="6924" max="6924" width="11.125" style="1" customWidth="1"/>
    <col min="6925" max="6925" width="7.5" style="1" customWidth="1"/>
    <col min="6926" max="7168" width="8.875" style="1"/>
    <col min="7169" max="7169" width="7.5" style="1" customWidth="1"/>
    <col min="7170" max="7170" width="11.125" style="1" customWidth="1"/>
    <col min="7171" max="7176" width="7.5" style="1" customWidth="1"/>
    <col min="7177" max="7177" width="28.125" style="1" customWidth="1"/>
    <col min="7178" max="7178" width="50" style="1" customWidth="1"/>
    <col min="7179" max="7179" width="2.5" style="1" customWidth="1"/>
    <col min="7180" max="7180" width="11.125" style="1" customWidth="1"/>
    <col min="7181" max="7181" width="7.5" style="1" customWidth="1"/>
    <col min="7182" max="7424" width="8.875" style="1"/>
    <col min="7425" max="7425" width="7.5" style="1" customWidth="1"/>
    <col min="7426" max="7426" width="11.125" style="1" customWidth="1"/>
    <col min="7427" max="7432" width="7.5" style="1" customWidth="1"/>
    <col min="7433" max="7433" width="28.125" style="1" customWidth="1"/>
    <col min="7434" max="7434" width="50" style="1" customWidth="1"/>
    <col min="7435" max="7435" width="2.5" style="1" customWidth="1"/>
    <col min="7436" max="7436" width="11.125" style="1" customWidth="1"/>
    <col min="7437" max="7437" width="7.5" style="1" customWidth="1"/>
    <col min="7438" max="7680" width="8.875" style="1"/>
    <col min="7681" max="7681" width="7.5" style="1" customWidth="1"/>
    <col min="7682" max="7682" width="11.125" style="1" customWidth="1"/>
    <col min="7683" max="7688" width="7.5" style="1" customWidth="1"/>
    <col min="7689" max="7689" width="28.125" style="1" customWidth="1"/>
    <col min="7690" max="7690" width="50" style="1" customWidth="1"/>
    <col min="7691" max="7691" width="2.5" style="1" customWidth="1"/>
    <col min="7692" max="7692" width="11.125" style="1" customWidth="1"/>
    <col min="7693" max="7693" width="7.5" style="1" customWidth="1"/>
    <col min="7694" max="7936" width="8.875" style="1"/>
    <col min="7937" max="7937" width="7.5" style="1" customWidth="1"/>
    <col min="7938" max="7938" width="11.125" style="1" customWidth="1"/>
    <col min="7939" max="7944" width="7.5" style="1" customWidth="1"/>
    <col min="7945" max="7945" width="28.125" style="1" customWidth="1"/>
    <col min="7946" max="7946" width="50" style="1" customWidth="1"/>
    <col min="7947" max="7947" width="2.5" style="1" customWidth="1"/>
    <col min="7948" max="7948" width="11.125" style="1" customWidth="1"/>
    <col min="7949" max="7949" width="7.5" style="1" customWidth="1"/>
    <col min="7950" max="8192" width="8.875" style="1"/>
    <col min="8193" max="8193" width="7.5" style="1" customWidth="1"/>
    <col min="8194" max="8194" width="11.125" style="1" customWidth="1"/>
    <col min="8195" max="8200" width="7.5" style="1" customWidth="1"/>
    <col min="8201" max="8201" width="28.125" style="1" customWidth="1"/>
    <col min="8202" max="8202" width="50" style="1" customWidth="1"/>
    <col min="8203" max="8203" width="2.5" style="1" customWidth="1"/>
    <col min="8204" max="8204" width="11.125" style="1" customWidth="1"/>
    <col min="8205" max="8205" width="7.5" style="1" customWidth="1"/>
    <col min="8206" max="8448" width="8.875" style="1"/>
    <col min="8449" max="8449" width="7.5" style="1" customWidth="1"/>
    <col min="8450" max="8450" width="11.125" style="1" customWidth="1"/>
    <col min="8451" max="8456" width="7.5" style="1" customWidth="1"/>
    <col min="8457" max="8457" width="28.125" style="1" customWidth="1"/>
    <col min="8458" max="8458" width="50" style="1" customWidth="1"/>
    <col min="8459" max="8459" width="2.5" style="1" customWidth="1"/>
    <col min="8460" max="8460" width="11.125" style="1" customWidth="1"/>
    <col min="8461" max="8461" width="7.5" style="1" customWidth="1"/>
    <col min="8462" max="8704" width="8.875" style="1"/>
    <col min="8705" max="8705" width="7.5" style="1" customWidth="1"/>
    <col min="8706" max="8706" width="11.125" style="1" customWidth="1"/>
    <col min="8707" max="8712" width="7.5" style="1" customWidth="1"/>
    <col min="8713" max="8713" width="28.125" style="1" customWidth="1"/>
    <col min="8714" max="8714" width="50" style="1" customWidth="1"/>
    <col min="8715" max="8715" width="2.5" style="1" customWidth="1"/>
    <col min="8716" max="8716" width="11.125" style="1" customWidth="1"/>
    <col min="8717" max="8717" width="7.5" style="1" customWidth="1"/>
    <col min="8718" max="8960" width="8.875" style="1"/>
    <col min="8961" max="8961" width="7.5" style="1" customWidth="1"/>
    <col min="8962" max="8962" width="11.125" style="1" customWidth="1"/>
    <col min="8963" max="8968" width="7.5" style="1" customWidth="1"/>
    <col min="8969" max="8969" width="28.125" style="1" customWidth="1"/>
    <col min="8970" max="8970" width="50" style="1" customWidth="1"/>
    <col min="8971" max="8971" width="2.5" style="1" customWidth="1"/>
    <col min="8972" max="8972" width="11.125" style="1" customWidth="1"/>
    <col min="8973" max="8973" width="7.5" style="1" customWidth="1"/>
    <col min="8974" max="9216" width="8.875" style="1"/>
    <col min="9217" max="9217" width="7.5" style="1" customWidth="1"/>
    <col min="9218" max="9218" width="11.125" style="1" customWidth="1"/>
    <col min="9219" max="9224" width="7.5" style="1" customWidth="1"/>
    <col min="9225" max="9225" width="28.125" style="1" customWidth="1"/>
    <col min="9226" max="9226" width="50" style="1" customWidth="1"/>
    <col min="9227" max="9227" width="2.5" style="1" customWidth="1"/>
    <col min="9228" max="9228" width="11.125" style="1" customWidth="1"/>
    <col min="9229" max="9229" width="7.5" style="1" customWidth="1"/>
    <col min="9230" max="9472" width="8.875" style="1"/>
    <col min="9473" max="9473" width="7.5" style="1" customWidth="1"/>
    <col min="9474" max="9474" width="11.125" style="1" customWidth="1"/>
    <col min="9475" max="9480" width="7.5" style="1" customWidth="1"/>
    <col min="9481" max="9481" width="28.125" style="1" customWidth="1"/>
    <col min="9482" max="9482" width="50" style="1" customWidth="1"/>
    <col min="9483" max="9483" width="2.5" style="1" customWidth="1"/>
    <col min="9484" max="9484" width="11.125" style="1" customWidth="1"/>
    <col min="9485" max="9485" width="7.5" style="1" customWidth="1"/>
    <col min="9486" max="9728" width="8.875" style="1"/>
    <col min="9729" max="9729" width="7.5" style="1" customWidth="1"/>
    <col min="9730" max="9730" width="11.125" style="1" customWidth="1"/>
    <col min="9731" max="9736" width="7.5" style="1" customWidth="1"/>
    <col min="9737" max="9737" width="28.125" style="1" customWidth="1"/>
    <col min="9738" max="9738" width="50" style="1" customWidth="1"/>
    <col min="9739" max="9739" width="2.5" style="1" customWidth="1"/>
    <col min="9740" max="9740" width="11.125" style="1" customWidth="1"/>
    <col min="9741" max="9741" width="7.5" style="1" customWidth="1"/>
    <col min="9742" max="9984" width="8.875" style="1"/>
    <col min="9985" max="9985" width="7.5" style="1" customWidth="1"/>
    <col min="9986" max="9986" width="11.125" style="1" customWidth="1"/>
    <col min="9987" max="9992" width="7.5" style="1" customWidth="1"/>
    <col min="9993" max="9993" width="28.125" style="1" customWidth="1"/>
    <col min="9994" max="9994" width="50" style="1" customWidth="1"/>
    <col min="9995" max="9995" width="2.5" style="1" customWidth="1"/>
    <col min="9996" max="9996" width="11.125" style="1" customWidth="1"/>
    <col min="9997" max="9997" width="7.5" style="1" customWidth="1"/>
    <col min="9998" max="10240" width="8.875" style="1"/>
    <col min="10241" max="10241" width="7.5" style="1" customWidth="1"/>
    <col min="10242" max="10242" width="11.125" style="1" customWidth="1"/>
    <col min="10243" max="10248" width="7.5" style="1" customWidth="1"/>
    <col min="10249" max="10249" width="28.125" style="1" customWidth="1"/>
    <col min="10250" max="10250" width="50" style="1" customWidth="1"/>
    <col min="10251" max="10251" width="2.5" style="1" customWidth="1"/>
    <col min="10252" max="10252" width="11.125" style="1" customWidth="1"/>
    <col min="10253" max="10253" width="7.5" style="1" customWidth="1"/>
    <col min="10254" max="10496" width="8.875" style="1"/>
    <col min="10497" max="10497" width="7.5" style="1" customWidth="1"/>
    <col min="10498" max="10498" width="11.125" style="1" customWidth="1"/>
    <col min="10499" max="10504" width="7.5" style="1" customWidth="1"/>
    <col min="10505" max="10505" width="28.125" style="1" customWidth="1"/>
    <col min="10506" max="10506" width="50" style="1" customWidth="1"/>
    <col min="10507" max="10507" width="2.5" style="1" customWidth="1"/>
    <col min="10508" max="10508" width="11.125" style="1" customWidth="1"/>
    <col min="10509" max="10509" width="7.5" style="1" customWidth="1"/>
    <col min="10510" max="10752" width="8.875" style="1"/>
    <col min="10753" max="10753" width="7.5" style="1" customWidth="1"/>
    <col min="10754" max="10754" width="11.125" style="1" customWidth="1"/>
    <col min="10755" max="10760" width="7.5" style="1" customWidth="1"/>
    <col min="10761" max="10761" width="28.125" style="1" customWidth="1"/>
    <col min="10762" max="10762" width="50" style="1" customWidth="1"/>
    <col min="10763" max="10763" width="2.5" style="1" customWidth="1"/>
    <col min="10764" max="10764" width="11.125" style="1" customWidth="1"/>
    <col min="10765" max="10765" width="7.5" style="1" customWidth="1"/>
    <col min="10766" max="11008" width="8.875" style="1"/>
    <col min="11009" max="11009" width="7.5" style="1" customWidth="1"/>
    <col min="11010" max="11010" width="11.125" style="1" customWidth="1"/>
    <col min="11011" max="11016" width="7.5" style="1" customWidth="1"/>
    <col min="11017" max="11017" width="28.125" style="1" customWidth="1"/>
    <col min="11018" max="11018" width="50" style="1" customWidth="1"/>
    <col min="11019" max="11019" width="2.5" style="1" customWidth="1"/>
    <col min="11020" max="11020" width="11.125" style="1" customWidth="1"/>
    <col min="11021" max="11021" width="7.5" style="1" customWidth="1"/>
    <col min="11022" max="11264" width="8.875" style="1"/>
    <col min="11265" max="11265" width="7.5" style="1" customWidth="1"/>
    <col min="11266" max="11266" width="11.125" style="1" customWidth="1"/>
    <col min="11267" max="11272" width="7.5" style="1" customWidth="1"/>
    <col min="11273" max="11273" width="28.125" style="1" customWidth="1"/>
    <col min="11274" max="11274" width="50" style="1" customWidth="1"/>
    <col min="11275" max="11275" width="2.5" style="1" customWidth="1"/>
    <col min="11276" max="11276" width="11.125" style="1" customWidth="1"/>
    <col min="11277" max="11277" width="7.5" style="1" customWidth="1"/>
    <col min="11278" max="11520" width="8.875" style="1"/>
    <col min="11521" max="11521" width="7.5" style="1" customWidth="1"/>
    <col min="11522" max="11522" width="11.125" style="1" customWidth="1"/>
    <col min="11523" max="11528" width="7.5" style="1" customWidth="1"/>
    <col min="11529" max="11529" width="28.125" style="1" customWidth="1"/>
    <col min="11530" max="11530" width="50" style="1" customWidth="1"/>
    <col min="11531" max="11531" width="2.5" style="1" customWidth="1"/>
    <col min="11532" max="11532" width="11.125" style="1" customWidth="1"/>
    <col min="11533" max="11533" width="7.5" style="1" customWidth="1"/>
    <col min="11534" max="11776" width="8.875" style="1"/>
    <col min="11777" max="11777" width="7.5" style="1" customWidth="1"/>
    <col min="11778" max="11778" width="11.125" style="1" customWidth="1"/>
    <col min="11779" max="11784" width="7.5" style="1" customWidth="1"/>
    <col min="11785" max="11785" width="28.125" style="1" customWidth="1"/>
    <col min="11786" max="11786" width="50" style="1" customWidth="1"/>
    <col min="11787" max="11787" width="2.5" style="1" customWidth="1"/>
    <col min="11788" max="11788" width="11.125" style="1" customWidth="1"/>
    <col min="11789" max="11789" width="7.5" style="1" customWidth="1"/>
    <col min="11790" max="12032" width="8.875" style="1"/>
    <col min="12033" max="12033" width="7.5" style="1" customWidth="1"/>
    <col min="12034" max="12034" width="11.125" style="1" customWidth="1"/>
    <col min="12035" max="12040" width="7.5" style="1" customWidth="1"/>
    <col min="12041" max="12041" width="28.125" style="1" customWidth="1"/>
    <col min="12042" max="12042" width="50" style="1" customWidth="1"/>
    <col min="12043" max="12043" width="2.5" style="1" customWidth="1"/>
    <col min="12044" max="12044" width="11.125" style="1" customWidth="1"/>
    <col min="12045" max="12045" width="7.5" style="1" customWidth="1"/>
    <col min="12046" max="12288" width="8.875" style="1"/>
    <col min="12289" max="12289" width="7.5" style="1" customWidth="1"/>
    <col min="12290" max="12290" width="11.125" style="1" customWidth="1"/>
    <col min="12291" max="12296" width="7.5" style="1" customWidth="1"/>
    <col min="12297" max="12297" width="28.125" style="1" customWidth="1"/>
    <col min="12298" max="12298" width="50" style="1" customWidth="1"/>
    <col min="12299" max="12299" width="2.5" style="1" customWidth="1"/>
    <col min="12300" max="12300" width="11.125" style="1" customWidth="1"/>
    <col min="12301" max="12301" width="7.5" style="1" customWidth="1"/>
    <col min="12302" max="12544" width="8.875" style="1"/>
    <col min="12545" max="12545" width="7.5" style="1" customWidth="1"/>
    <col min="12546" max="12546" width="11.125" style="1" customWidth="1"/>
    <col min="12547" max="12552" width="7.5" style="1" customWidth="1"/>
    <col min="12553" max="12553" width="28.125" style="1" customWidth="1"/>
    <col min="12554" max="12554" width="50" style="1" customWidth="1"/>
    <col min="12555" max="12555" width="2.5" style="1" customWidth="1"/>
    <col min="12556" max="12556" width="11.125" style="1" customWidth="1"/>
    <col min="12557" max="12557" width="7.5" style="1" customWidth="1"/>
    <col min="12558" max="12800" width="8.875" style="1"/>
    <col min="12801" max="12801" width="7.5" style="1" customWidth="1"/>
    <col min="12802" max="12802" width="11.125" style="1" customWidth="1"/>
    <col min="12803" max="12808" width="7.5" style="1" customWidth="1"/>
    <col min="12809" max="12809" width="28.125" style="1" customWidth="1"/>
    <col min="12810" max="12810" width="50" style="1" customWidth="1"/>
    <col min="12811" max="12811" width="2.5" style="1" customWidth="1"/>
    <col min="12812" max="12812" width="11.125" style="1" customWidth="1"/>
    <col min="12813" max="12813" width="7.5" style="1" customWidth="1"/>
    <col min="12814" max="13056" width="8.875" style="1"/>
    <col min="13057" max="13057" width="7.5" style="1" customWidth="1"/>
    <col min="13058" max="13058" width="11.125" style="1" customWidth="1"/>
    <col min="13059" max="13064" width="7.5" style="1" customWidth="1"/>
    <col min="13065" max="13065" width="28.125" style="1" customWidth="1"/>
    <col min="13066" max="13066" width="50" style="1" customWidth="1"/>
    <col min="13067" max="13067" width="2.5" style="1" customWidth="1"/>
    <col min="13068" max="13068" width="11.125" style="1" customWidth="1"/>
    <col min="13069" max="13069" width="7.5" style="1" customWidth="1"/>
    <col min="13070" max="13312" width="8.875" style="1"/>
    <col min="13313" max="13313" width="7.5" style="1" customWidth="1"/>
    <col min="13314" max="13314" width="11.125" style="1" customWidth="1"/>
    <col min="13315" max="13320" width="7.5" style="1" customWidth="1"/>
    <col min="13321" max="13321" width="28.125" style="1" customWidth="1"/>
    <col min="13322" max="13322" width="50" style="1" customWidth="1"/>
    <col min="13323" max="13323" width="2.5" style="1" customWidth="1"/>
    <col min="13324" max="13324" width="11.125" style="1" customWidth="1"/>
    <col min="13325" max="13325" width="7.5" style="1" customWidth="1"/>
    <col min="13326" max="13568" width="8.875" style="1"/>
    <col min="13569" max="13569" width="7.5" style="1" customWidth="1"/>
    <col min="13570" max="13570" width="11.125" style="1" customWidth="1"/>
    <col min="13571" max="13576" width="7.5" style="1" customWidth="1"/>
    <col min="13577" max="13577" width="28.125" style="1" customWidth="1"/>
    <col min="13578" max="13578" width="50" style="1" customWidth="1"/>
    <col min="13579" max="13579" width="2.5" style="1" customWidth="1"/>
    <col min="13580" max="13580" width="11.125" style="1" customWidth="1"/>
    <col min="13581" max="13581" width="7.5" style="1" customWidth="1"/>
    <col min="13582" max="13824" width="8.875" style="1"/>
    <col min="13825" max="13825" width="7.5" style="1" customWidth="1"/>
    <col min="13826" max="13826" width="11.125" style="1" customWidth="1"/>
    <col min="13827" max="13832" width="7.5" style="1" customWidth="1"/>
    <col min="13833" max="13833" width="28.125" style="1" customWidth="1"/>
    <col min="13834" max="13834" width="50" style="1" customWidth="1"/>
    <col min="13835" max="13835" width="2.5" style="1" customWidth="1"/>
    <col min="13836" max="13836" width="11.125" style="1" customWidth="1"/>
    <col min="13837" max="13837" width="7.5" style="1" customWidth="1"/>
    <col min="13838" max="14080" width="8.875" style="1"/>
    <col min="14081" max="14081" width="7.5" style="1" customWidth="1"/>
    <col min="14082" max="14082" width="11.125" style="1" customWidth="1"/>
    <col min="14083" max="14088" width="7.5" style="1" customWidth="1"/>
    <col min="14089" max="14089" width="28.125" style="1" customWidth="1"/>
    <col min="14090" max="14090" width="50" style="1" customWidth="1"/>
    <col min="14091" max="14091" width="2.5" style="1" customWidth="1"/>
    <col min="14092" max="14092" width="11.125" style="1" customWidth="1"/>
    <col min="14093" max="14093" width="7.5" style="1" customWidth="1"/>
    <col min="14094" max="14336" width="8.875" style="1"/>
    <col min="14337" max="14337" width="7.5" style="1" customWidth="1"/>
    <col min="14338" max="14338" width="11.125" style="1" customWidth="1"/>
    <col min="14339" max="14344" width="7.5" style="1" customWidth="1"/>
    <col min="14345" max="14345" width="28.125" style="1" customWidth="1"/>
    <col min="14346" max="14346" width="50" style="1" customWidth="1"/>
    <col min="14347" max="14347" width="2.5" style="1" customWidth="1"/>
    <col min="14348" max="14348" width="11.125" style="1" customWidth="1"/>
    <col min="14349" max="14349" width="7.5" style="1" customWidth="1"/>
    <col min="14350" max="14592" width="8.875" style="1"/>
    <col min="14593" max="14593" width="7.5" style="1" customWidth="1"/>
    <col min="14594" max="14594" width="11.125" style="1" customWidth="1"/>
    <col min="14595" max="14600" width="7.5" style="1" customWidth="1"/>
    <col min="14601" max="14601" width="28.125" style="1" customWidth="1"/>
    <col min="14602" max="14602" width="50" style="1" customWidth="1"/>
    <col min="14603" max="14603" width="2.5" style="1" customWidth="1"/>
    <col min="14604" max="14604" width="11.125" style="1" customWidth="1"/>
    <col min="14605" max="14605" width="7.5" style="1" customWidth="1"/>
    <col min="14606" max="14848" width="8.875" style="1"/>
    <col min="14849" max="14849" width="7.5" style="1" customWidth="1"/>
    <col min="14850" max="14850" width="11.125" style="1" customWidth="1"/>
    <col min="14851" max="14856" width="7.5" style="1" customWidth="1"/>
    <col min="14857" max="14857" width="28.125" style="1" customWidth="1"/>
    <col min="14858" max="14858" width="50" style="1" customWidth="1"/>
    <col min="14859" max="14859" width="2.5" style="1" customWidth="1"/>
    <col min="14860" max="14860" width="11.125" style="1" customWidth="1"/>
    <col min="14861" max="14861" width="7.5" style="1" customWidth="1"/>
    <col min="14862" max="15104" width="8.875" style="1"/>
    <col min="15105" max="15105" width="7.5" style="1" customWidth="1"/>
    <col min="15106" max="15106" width="11.125" style="1" customWidth="1"/>
    <col min="15107" max="15112" width="7.5" style="1" customWidth="1"/>
    <col min="15113" max="15113" width="28.125" style="1" customWidth="1"/>
    <col min="15114" max="15114" width="50" style="1" customWidth="1"/>
    <col min="15115" max="15115" width="2.5" style="1" customWidth="1"/>
    <col min="15116" max="15116" width="11.125" style="1" customWidth="1"/>
    <col min="15117" max="15117" width="7.5" style="1" customWidth="1"/>
    <col min="15118" max="15360" width="8.875" style="1"/>
    <col min="15361" max="15361" width="7.5" style="1" customWidth="1"/>
    <col min="15362" max="15362" width="11.125" style="1" customWidth="1"/>
    <col min="15363" max="15368" width="7.5" style="1" customWidth="1"/>
    <col min="15369" max="15369" width="28.125" style="1" customWidth="1"/>
    <col min="15370" max="15370" width="50" style="1" customWidth="1"/>
    <col min="15371" max="15371" width="2.5" style="1" customWidth="1"/>
    <col min="15372" max="15372" width="11.125" style="1" customWidth="1"/>
    <col min="15373" max="15373" width="7.5" style="1" customWidth="1"/>
    <col min="15374" max="15616" width="8.875" style="1"/>
    <col min="15617" max="15617" width="7.5" style="1" customWidth="1"/>
    <col min="15618" max="15618" width="11.125" style="1" customWidth="1"/>
    <col min="15619" max="15624" width="7.5" style="1" customWidth="1"/>
    <col min="15625" max="15625" width="28.125" style="1" customWidth="1"/>
    <col min="15626" max="15626" width="50" style="1" customWidth="1"/>
    <col min="15627" max="15627" width="2.5" style="1" customWidth="1"/>
    <col min="15628" max="15628" width="11.125" style="1" customWidth="1"/>
    <col min="15629" max="15629" width="7.5" style="1" customWidth="1"/>
    <col min="15630" max="15872" width="8.875" style="1"/>
    <col min="15873" max="15873" width="7.5" style="1" customWidth="1"/>
    <col min="15874" max="15874" width="11.125" style="1" customWidth="1"/>
    <col min="15875" max="15880" width="7.5" style="1" customWidth="1"/>
    <col min="15881" max="15881" width="28.125" style="1" customWidth="1"/>
    <col min="15882" max="15882" width="50" style="1" customWidth="1"/>
    <col min="15883" max="15883" width="2.5" style="1" customWidth="1"/>
    <col min="15884" max="15884" width="11.125" style="1" customWidth="1"/>
    <col min="15885" max="15885" width="7.5" style="1" customWidth="1"/>
    <col min="15886" max="16128" width="8.875" style="1"/>
    <col min="16129" max="16129" width="7.5" style="1" customWidth="1"/>
    <col min="16130" max="16130" width="11.125" style="1" customWidth="1"/>
    <col min="16131" max="16136" width="7.5" style="1" customWidth="1"/>
    <col min="16137" max="16137" width="28.125" style="1" customWidth="1"/>
    <col min="16138" max="16138" width="50" style="1" customWidth="1"/>
    <col min="16139" max="16139" width="2.5" style="1" customWidth="1"/>
    <col min="16140" max="16140" width="11.125" style="1" customWidth="1"/>
    <col min="16141" max="16141" width="7.5" style="1" customWidth="1"/>
    <col min="16142" max="16384" width="8.875" style="1"/>
  </cols>
  <sheetData>
    <row r="1" spans="1:13" ht="22.5" customHeight="1" x14ac:dyDescent="0.4">
      <c r="A1" s="1"/>
      <c r="B1" s="12" t="s">
        <v>5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12" t="s">
        <v>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12" t="s">
        <v>7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28"/>
      <c r="C4" s="28"/>
      <c r="D4" s="28"/>
      <c r="E4" s="28"/>
      <c r="F4" s="28"/>
      <c r="G4" s="28"/>
      <c r="H4" s="28"/>
      <c r="I4" s="28"/>
      <c r="J4" s="28"/>
      <c r="K4" s="28"/>
      <c r="L4" s="28"/>
      <c r="M4" s="30"/>
    </row>
    <row r="5" spans="1:13" ht="22.5" customHeight="1" x14ac:dyDescent="0.2">
      <c r="A5" s="33"/>
      <c r="C5" s="52"/>
      <c r="D5" s="52"/>
      <c r="E5" s="52"/>
      <c r="F5" s="52"/>
      <c r="G5" s="52"/>
      <c r="H5" s="52"/>
      <c r="I5" s="52"/>
      <c r="K5" s="52"/>
      <c r="L5" s="52"/>
      <c r="M5" s="36"/>
    </row>
    <row r="6" spans="1:13" ht="28.5" x14ac:dyDescent="0.3">
      <c r="A6" s="53"/>
      <c r="B6" s="124" t="s">
        <v>78</v>
      </c>
      <c r="C6" s="124"/>
      <c r="D6" s="124"/>
      <c r="E6" s="124"/>
      <c r="F6" s="124"/>
      <c r="G6" s="124"/>
      <c r="H6" s="124"/>
      <c r="I6" s="124"/>
      <c r="J6" s="124"/>
      <c r="K6" s="124"/>
      <c r="L6" s="125"/>
      <c r="M6" s="54"/>
    </row>
    <row r="7" spans="1:13" ht="22.5" customHeight="1" x14ac:dyDescent="0.2">
      <c r="A7" s="33"/>
      <c r="B7" s="126" t="s">
        <v>79</v>
      </c>
      <c r="C7" s="126"/>
      <c r="D7" s="126"/>
      <c r="E7" s="126"/>
      <c r="F7" s="126"/>
      <c r="G7" s="126"/>
      <c r="H7" s="126"/>
      <c r="I7" s="126"/>
      <c r="J7" s="126"/>
      <c r="K7" s="126"/>
      <c r="L7" s="127"/>
      <c r="M7" s="36"/>
    </row>
    <row r="8" spans="1:13" ht="22.5" customHeight="1" x14ac:dyDescent="0.4">
      <c r="A8" s="33"/>
      <c r="M8" s="36"/>
    </row>
    <row r="9" spans="1:13" ht="22.5" customHeight="1" x14ac:dyDescent="0.4">
      <c r="A9" s="33"/>
      <c r="B9" s="128"/>
      <c r="C9" s="128"/>
      <c r="D9" s="128"/>
      <c r="F9" s="55"/>
      <c r="K9" s="24" t="s">
        <v>11</v>
      </c>
      <c r="L9" s="24"/>
      <c r="M9" s="36"/>
    </row>
    <row r="10" spans="1:13" ht="22.5" customHeight="1" x14ac:dyDescent="0.4">
      <c r="A10" s="33"/>
      <c r="C10" s="27" t="s">
        <v>80</v>
      </c>
      <c r="D10" s="56"/>
      <c r="E10" s="56"/>
      <c r="F10" s="56"/>
      <c r="G10" s="56"/>
      <c r="H10" s="56"/>
      <c r="I10" s="28"/>
      <c r="J10" s="29">
        <v>0</v>
      </c>
      <c r="K10" s="32"/>
      <c r="M10" s="36"/>
    </row>
    <row r="11" spans="1:13" ht="22.5" customHeight="1" x14ac:dyDescent="0.4">
      <c r="A11" s="33"/>
      <c r="C11" s="57"/>
      <c r="D11" s="58" t="s">
        <v>81</v>
      </c>
      <c r="E11" s="58"/>
      <c r="F11" s="58"/>
      <c r="G11" s="58"/>
      <c r="H11" s="58"/>
      <c r="I11" s="59"/>
      <c r="J11" s="35">
        <v>0</v>
      </c>
      <c r="K11" s="60"/>
      <c r="M11" s="36"/>
    </row>
    <row r="12" spans="1:13" ht="22.5" customHeight="1" x14ac:dyDescent="0.4">
      <c r="A12" s="33"/>
      <c r="C12" s="57"/>
      <c r="D12" s="58" t="s">
        <v>82</v>
      </c>
      <c r="E12" s="58"/>
      <c r="F12" s="58"/>
      <c r="G12" s="58"/>
      <c r="H12" s="58"/>
      <c r="I12" s="59"/>
      <c r="J12" s="35">
        <v>0</v>
      </c>
      <c r="K12" s="60"/>
      <c r="M12" s="36"/>
    </row>
    <row r="13" spans="1:13" ht="22.5" customHeight="1" x14ac:dyDescent="0.4">
      <c r="A13" s="33"/>
      <c r="C13" s="57"/>
      <c r="D13" s="58" t="s">
        <v>83</v>
      </c>
      <c r="E13" s="58"/>
      <c r="F13" s="58"/>
      <c r="G13" s="58"/>
      <c r="H13" s="58"/>
      <c r="I13" s="59"/>
      <c r="J13" s="35">
        <v>0</v>
      </c>
      <c r="K13" s="60"/>
      <c r="M13" s="36"/>
    </row>
    <row r="14" spans="1:13" ht="22.5" customHeight="1" x14ac:dyDescent="0.4">
      <c r="A14" s="33"/>
      <c r="C14" s="57"/>
      <c r="D14" s="58" t="s">
        <v>84</v>
      </c>
      <c r="E14" s="58"/>
      <c r="F14" s="58"/>
      <c r="G14" s="58"/>
      <c r="H14" s="58"/>
      <c r="I14" s="59"/>
      <c r="J14" s="35">
        <v>0</v>
      </c>
      <c r="K14" s="60"/>
      <c r="M14" s="36"/>
    </row>
    <row r="15" spans="1:13" ht="18.75" x14ac:dyDescent="0.4">
      <c r="A15" s="33"/>
      <c r="C15" s="57"/>
      <c r="D15" s="58" t="s">
        <v>85</v>
      </c>
      <c r="E15" s="58"/>
      <c r="F15" s="58"/>
      <c r="G15" s="58"/>
      <c r="H15" s="58"/>
      <c r="I15" s="59"/>
      <c r="J15" s="35">
        <v>0</v>
      </c>
      <c r="K15" s="60"/>
      <c r="M15" s="36"/>
    </row>
    <row r="16" spans="1:13" ht="22.5" customHeight="1" x14ac:dyDescent="0.4">
      <c r="A16" s="33"/>
      <c r="C16" s="57"/>
      <c r="D16" s="58" t="s">
        <v>86</v>
      </c>
      <c r="E16" s="58"/>
      <c r="F16" s="58"/>
      <c r="G16" s="58"/>
      <c r="H16" s="58"/>
      <c r="I16" s="59"/>
      <c r="J16" s="35">
        <v>0</v>
      </c>
      <c r="K16" s="60"/>
      <c r="M16" s="36"/>
    </row>
    <row r="17" spans="1:13" ht="22.5" customHeight="1" x14ac:dyDescent="0.4">
      <c r="A17" s="33"/>
      <c r="C17" s="57"/>
      <c r="D17" s="58" t="s">
        <v>87</v>
      </c>
      <c r="E17" s="58"/>
      <c r="F17" s="58"/>
      <c r="G17" s="58"/>
      <c r="H17" s="58"/>
      <c r="I17" s="59"/>
      <c r="J17" s="35">
        <v>0</v>
      </c>
      <c r="K17" s="60"/>
      <c r="M17" s="36"/>
    </row>
    <row r="18" spans="1:13" ht="22.5" customHeight="1" x14ac:dyDescent="0.4">
      <c r="A18" s="33"/>
      <c r="C18" s="57"/>
      <c r="D18" s="58" t="s">
        <v>88</v>
      </c>
      <c r="E18" s="58"/>
      <c r="F18" s="58"/>
      <c r="G18" s="58"/>
      <c r="H18" s="58"/>
      <c r="I18" s="59"/>
      <c r="J18" s="35">
        <v>0</v>
      </c>
      <c r="K18" s="60"/>
      <c r="M18" s="36"/>
    </row>
    <row r="19" spans="1:13" ht="22.5" customHeight="1" x14ac:dyDescent="0.4">
      <c r="A19" s="33"/>
      <c r="C19" s="57"/>
      <c r="D19" s="58" t="s">
        <v>89</v>
      </c>
      <c r="E19" s="58"/>
      <c r="F19" s="58"/>
      <c r="G19" s="58"/>
      <c r="H19" s="58"/>
      <c r="I19" s="59"/>
      <c r="J19" s="35">
        <v>0</v>
      </c>
      <c r="K19" s="60"/>
      <c r="M19" s="36"/>
    </row>
    <row r="20" spans="1:13" ht="22.5" customHeight="1" x14ac:dyDescent="0.4">
      <c r="A20" s="33"/>
      <c r="C20" s="57"/>
      <c r="D20" s="58" t="s">
        <v>90</v>
      </c>
      <c r="E20" s="58"/>
      <c r="F20" s="58"/>
      <c r="G20" s="58"/>
      <c r="H20" s="58"/>
      <c r="I20" s="59"/>
      <c r="J20" s="35">
        <v>0</v>
      </c>
      <c r="K20" s="60"/>
      <c r="M20" s="36"/>
    </row>
    <row r="21" spans="1:13" ht="22.5" customHeight="1" x14ac:dyDescent="0.4">
      <c r="A21" s="33"/>
      <c r="C21" s="57"/>
      <c r="D21" s="58"/>
      <c r="E21" s="58" t="s">
        <v>91</v>
      </c>
      <c r="F21" s="58"/>
      <c r="G21" s="58"/>
      <c r="H21" s="58"/>
      <c r="I21" s="59"/>
      <c r="J21" s="35">
        <v>0</v>
      </c>
      <c r="K21" s="60"/>
      <c r="M21" s="36"/>
    </row>
    <row r="22" spans="1:13" ht="22.5" customHeight="1" x14ac:dyDescent="0.4">
      <c r="A22" s="33"/>
      <c r="C22" s="57"/>
      <c r="D22" s="58"/>
      <c r="E22" s="58" t="s">
        <v>92</v>
      </c>
      <c r="F22" s="58"/>
      <c r="G22" s="58"/>
      <c r="H22" s="58"/>
      <c r="I22" s="59"/>
      <c r="J22" s="35">
        <v>0</v>
      </c>
      <c r="K22" s="60"/>
      <c r="M22" s="36"/>
    </row>
    <row r="23" spans="1:13" ht="22.5" customHeight="1" x14ac:dyDescent="0.4">
      <c r="A23" s="33"/>
      <c r="C23" s="57"/>
      <c r="D23" s="58"/>
      <c r="E23" s="58" t="s">
        <v>93</v>
      </c>
      <c r="F23" s="58"/>
      <c r="G23" s="58"/>
      <c r="H23" s="58"/>
      <c r="I23" s="59"/>
      <c r="J23" s="35">
        <v>0</v>
      </c>
      <c r="K23" s="60"/>
      <c r="M23" s="36"/>
    </row>
    <row r="24" spans="1:13" ht="22.5" customHeight="1" x14ac:dyDescent="0.4">
      <c r="A24" s="33"/>
      <c r="C24" s="57"/>
      <c r="D24" s="58" t="s">
        <v>94</v>
      </c>
      <c r="E24" s="58"/>
      <c r="F24" s="58"/>
      <c r="G24" s="58"/>
      <c r="H24" s="58"/>
      <c r="I24" s="59"/>
      <c r="J24" s="35">
        <v>0</v>
      </c>
      <c r="K24" s="60"/>
      <c r="M24" s="36"/>
    </row>
    <row r="25" spans="1:13" ht="22.5" customHeight="1" x14ac:dyDescent="0.4">
      <c r="A25" s="33"/>
      <c r="C25" s="57"/>
      <c r="D25" s="58" t="s">
        <v>95</v>
      </c>
      <c r="E25" s="58"/>
      <c r="F25" s="58"/>
      <c r="G25" s="58"/>
      <c r="H25" s="58"/>
      <c r="I25" s="59"/>
      <c r="J25" s="35">
        <v>0</v>
      </c>
      <c r="K25" s="60"/>
      <c r="M25" s="36"/>
    </row>
    <row r="26" spans="1:13" ht="22.5" customHeight="1" x14ac:dyDescent="0.4">
      <c r="A26" s="33"/>
      <c r="C26" s="61"/>
      <c r="D26" s="62" t="s">
        <v>96</v>
      </c>
      <c r="E26" s="62"/>
      <c r="F26" s="62"/>
      <c r="G26" s="62"/>
      <c r="H26" s="62"/>
      <c r="I26" s="63"/>
      <c r="J26" s="64">
        <v>0</v>
      </c>
      <c r="K26" s="65"/>
      <c r="M26" s="36"/>
    </row>
    <row r="27" spans="1:13" ht="22.5" customHeight="1" x14ac:dyDescent="0.4">
      <c r="A27" s="33"/>
      <c r="C27" s="57" t="s">
        <v>97</v>
      </c>
      <c r="D27" s="58"/>
      <c r="E27" s="58"/>
      <c r="F27" s="58"/>
      <c r="G27" s="58"/>
      <c r="H27" s="58"/>
      <c r="I27" s="59"/>
      <c r="J27" s="39">
        <v>1936824</v>
      </c>
      <c r="K27" s="60"/>
      <c r="M27" s="36"/>
    </row>
    <row r="28" spans="1:13" ht="22.5" customHeight="1" x14ac:dyDescent="0.4">
      <c r="A28" s="33"/>
      <c r="C28" s="57"/>
      <c r="D28" s="58" t="s">
        <v>98</v>
      </c>
      <c r="E28" s="58"/>
      <c r="F28" s="58"/>
      <c r="G28" s="58"/>
      <c r="H28" s="58"/>
      <c r="I28" s="59"/>
      <c r="J28" s="35">
        <v>1936824</v>
      </c>
      <c r="K28" s="66"/>
      <c r="M28" s="36"/>
    </row>
    <row r="29" spans="1:13" ht="22.5" customHeight="1" x14ac:dyDescent="0.4">
      <c r="A29" s="33"/>
      <c r="C29" s="57"/>
      <c r="D29" s="58" t="s">
        <v>99</v>
      </c>
      <c r="E29" s="58"/>
      <c r="F29" s="58"/>
      <c r="G29" s="58"/>
      <c r="H29" s="58"/>
      <c r="I29" s="59"/>
      <c r="J29" s="35">
        <v>0</v>
      </c>
      <c r="K29" s="66"/>
      <c r="M29" s="36"/>
    </row>
    <row r="30" spans="1:13" ht="22.5" customHeight="1" x14ac:dyDescent="0.4">
      <c r="A30" s="33"/>
      <c r="C30" s="57"/>
      <c r="D30" s="58" t="s">
        <v>100</v>
      </c>
      <c r="E30" s="58"/>
      <c r="F30" s="58"/>
      <c r="G30" s="58"/>
      <c r="H30" s="58"/>
      <c r="I30" s="59"/>
      <c r="J30" s="35">
        <v>0</v>
      </c>
      <c r="K30" s="66"/>
      <c r="M30" s="36"/>
    </row>
    <row r="31" spans="1:13" ht="22.5" customHeight="1" x14ac:dyDescent="0.4">
      <c r="A31" s="33"/>
      <c r="C31" s="57"/>
      <c r="D31" s="58" t="s">
        <v>101</v>
      </c>
      <c r="E31" s="58"/>
      <c r="F31" s="58"/>
      <c r="G31" s="58"/>
      <c r="H31" s="58"/>
      <c r="I31" s="59"/>
      <c r="J31" s="35">
        <v>0</v>
      </c>
      <c r="K31" s="66"/>
      <c r="M31" s="36"/>
    </row>
    <row r="32" spans="1:13" ht="22.5" customHeight="1" x14ac:dyDescent="0.4">
      <c r="A32" s="33"/>
      <c r="C32" s="57"/>
      <c r="D32" s="58" t="s">
        <v>102</v>
      </c>
      <c r="E32" s="58"/>
      <c r="F32" s="58"/>
      <c r="G32" s="58"/>
      <c r="H32" s="58"/>
      <c r="I32" s="59"/>
      <c r="J32" s="35">
        <v>0</v>
      </c>
      <c r="K32" s="66"/>
      <c r="M32" s="36"/>
    </row>
    <row r="33" spans="1:13" ht="22.5" customHeight="1" x14ac:dyDescent="0.4">
      <c r="A33" s="33"/>
      <c r="C33" s="57"/>
      <c r="D33" s="58" t="s">
        <v>103</v>
      </c>
      <c r="E33" s="58"/>
      <c r="F33" s="58"/>
      <c r="G33" s="58"/>
      <c r="H33" s="58"/>
      <c r="I33" s="59"/>
      <c r="J33" s="35">
        <v>0</v>
      </c>
      <c r="K33" s="66"/>
      <c r="M33" s="36"/>
    </row>
    <row r="34" spans="1:13" ht="22.5" customHeight="1" x14ac:dyDescent="0.4">
      <c r="A34" s="33"/>
      <c r="C34" s="57"/>
      <c r="D34" s="58" t="s">
        <v>104</v>
      </c>
      <c r="E34" s="58"/>
      <c r="F34" s="58"/>
      <c r="G34" s="58"/>
      <c r="H34" s="58"/>
      <c r="I34" s="59"/>
      <c r="J34" s="35">
        <v>0</v>
      </c>
      <c r="K34" s="66"/>
      <c r="M34" s="36"/>
    </row>
    <row r="35" spans="1:13" ht="22.5" customHeight="1" x14ac:dyDescent="0.4">
      <c r="A35" s="33"/>
      <c r="C35" s="57"/>
      <c r="D35" s="58" t="s">
        <v>105</v>
      </c>
      <c r="E35" s="58"/>
      <c r="F35" s="58"/>
      <c r="G35" s="58"/>
      <c r="H35" s="58"/>
      <c r="I35" s="59"/>
      <c r="J35" s="35">
        <v>0</v>
      </c>
      <c r="K35" s="66"/>
      <c r="M35" s="36"/>
    </row>
    <row r="36" spans="1:13" ht="22.5" customHeight="1" x14ac:dyDescent="0.4">
      <c r="A36" s="33"/>
      <c r="C36" s="57"/>
      <c r="D36" s="58" t="s">
        <v>106</v>
      </c>
      <c r="E36" s="58"/>
      <c r="F36" s="58"/>
      <c r="G36" s="58"/>
      <c r="H36" s="58"/>
      <c r="I36" s="59"/>
      <c r="J36" s="35">
        <v>0</v>
      </c>
      <c r="K36" s="66"/>
      <c r="M36" s="36"/>
    </row>
    <row r="37" spans="1:13" ht="22.5" customHeight="1" x14ac:dyDescent="0.4">
      <c r="A37" s="33"/>
      <c r="C37" s="57"/>
      <c r="D37" s="58" t="s">
        <v>107</v>
      </c>
      <c r="E37" s="58"/>
      <c r="F37" s="58"/>
      <c r="G37" s="58"/>
      <c r="H37" s="58"/>
      <c r="I37" s="59"/>
      <c r="J37" s="35">
        <v>0</v>
      </c>
      <c r="K37" s="66"/>
      <c r="M37" s="36"/>
    </row>
    <row r="38" spans="1:13" ht="22.5" customHeight="1" x14ac:dyDescent="0.4">
      <c r="A38" s="33"/>
      <c r="C38" s="57"/>
      <c r="D38" s="58" t="s">
        <v>108</v>
      </c>
      <c r="E38" s="58"/>
      <c r="F38" s="58"/>
      <c r="G38" s="58"/>
      <c r="H38" s="58"/>
      <c r="I38" s="59"/>
      <c r="J38" s="35">
        <v>0</v>
      </c>
      <c r="K38" s="66"/>
      <c r="M38" s="36"/>
    </row>
    <row r="39" spans="1:13" ht="22.5" customHeight="1" x14ac:dyDescent="0.4">
      <c r="A39" s="33"/>
      <c r="C39" s="57"/>
      <c r="D39" s="58" t="s">
        <v>109</v>
      </c>
      <c r="E39" s="58"/>
      <c r="F39" s="58"/>
      <c r="G39" s="58"/>
      <c r="H39" s="58"/>
      <c r="I39" s="59"/>
      <c r="J39" s="35">
        <v>0</v>
      </c>
      <c r="K39" s="66"/>
      <c r="M39" s="36"/>
    </row>
    <row r="40" spans="1:13" ht="22.5" customHeight="1" x14ac:dyDescent="0.4">
      <c r="A40" s="33"/>
      <c r="C40" s="57"/>
      <c r="D40" s="58" t="s">
        <v>110</v>
      </c>
      <c r="E40" s="58"/>
      <c r="F40" s="58"/>
      <c r="G40" s="58"/>
      <c r="H40" s="58"/>
      <c r="I40" s="59"/>
      <c r="J40" s="35">
        <v>0</v>
      </c>
      <c r="K40" s="66"/>
      <c r="M40" s="36"/>
    </row>
    <row r="41" spans="1:13" ht="22.5" customHeight="1" x14ac:dyDescent="0.4">
      <c r="A41" s="33"/>
      <c r="C41" s="57"/>
      <c r="D41" s="58" t="s">
        <v>111</v>
      </c>
      <c r="E41" s="58"/>
      <c r="F41" s="58"/>
      <c r="G41" s="58"/>
      <c r="H41" s="58"/>
      <c r="I41" s="59"/>
      <c r="J41" s="35">
        <v>0</v>
      </c>
      <c r="K41" s="66"/>
      <c r="M41" s="36"/>
    </row>
    <row r="42" spans="1:13" ht="22.5" customHeight="1" x14ac:dyDescent="0.4">
      <c r="A42" s="33"/>
      <c r="C42" s="57"/>
      <c r="D42" s="58"/>
      <c r="E42" s="58" t="s">
        <v>112</v>
      </c>
      <c r="F42" s="58"/>
      <c r="G42" s="58"/>
      <c r="H42" s="58"/>
      <c r="I42" s="59"/>
      <c r="J42" s="35">
        <v>0</v>
      </c>
      <c r="K42" s="66"/>
      <c r="M42" s="36"/>
    </row>
    <row r="43" spans="1:13" ht="22.5" customHeight="1" x14ac:dyDescent="0.4">
      <c r="A43" s="33"/>
      <c r="C43" s="57"/>
      <c r="D43" s="58"/>
      <c r="E43" s="58" t="s">
        <v>113</v>
      </c>
      <c r="F43" s="58"/>
      <c r="G43" s="58"/>
      <c r="H43" s="58"/>
      <c r="I43" s="59"/>
      <c r="J43" s="35">
        <v>0</v>
      </c>
      <c r="K43" s="66"/>
      <c r="M43" s="36"/>
    </row>
    <row r="44" spans="1:13" ht="22.5" customHeight="1" x14ac:dyDescent="0.4">
      <c r="A44" s="33"/>
      <c r="C44" s="57"/>
      <c r="D44" s="58"/>
      <c r="E44" s="58" t="s">
        <v>114</v>
      </c>
      <c r="F44" s="58"/>
      <c r="G44" s="58"/>
      <c r="H44" s="58"/>
      <c r="I44" s="59"/>
      <c r="J44" s="35">
        <v>0</v>
      </c>
      <c r="K44" s="66"/>
      <c r="M44" s="36"/>
    </row>
    <row r="45" spans="1:13" ht="22.5" customHeight="1" x14ac:dyDescent="0.4">
      <c r="A45" s="33"/>
      <c r="C45" s="57"/>
      <c r="D45" s="58" t="s">
        <v>115</v>
      </c>
      <c r="E45" s="58"/>
      <c r="F45" s="58"/>
      <c r="G45" s="58"/>
      <c r="H45" s="58"/>
      <c r="I45" s="59"/>
      <c r="J45" s="35">
        <v>0</v>
      </c>
      <c r="K45" s="66"/>
      <c r="M45" s="36"/>
    </row>
    <row r="46" spans="1:13" ht="22.5" customHeight="1" x14ac:dyDescent="0.4">
      <c r="A46" s="33"/>
      <c r="C46" s="67" t="s">
        <v>116</v>
      </c>
      <c r="D46" s="68"/>
      <c r="E46" s="68"/>
      <c r="F46" s="68"/>
      <c r="G46" s="68"/>
      <c r="H46" s="68"/>
      <c r="I46" s="69"/>
      <c r="J46" s="46">
        <v>-1936824</v>
      </c>
      <c r="K46" s="70"/>
      <c r="M46" s="36"/>
    </row>
    <row r="47" spans="1:13" ht="22.5" customHeight="1" x14ac:dyDescent="0.4">
      <c r="A47" s="33"/>
      <c r="C47" s="57" t="s">
        <v>117</v>
      </c>
      <c r="D47" s="58"/>
      <c r="E47" s="58"/>
      <c r="F47" s="58"/>
      <c r="G47" s="58"/>
      <c r="H47" s="58"/>
      <c r="I47" s="59"/>
      <c r="J47" s="39">
        <v>0</v>
      </c>
      <c r="K47" s="66"/>
      <c r="M47" s="36"/>
    </row>
    <row r="48" spans="1:13" ht="22.5" customHeight="1" x14ac:dyDescent="0.4">
      <c r="A48" s="33"/>
      <c r="C48" s="57"/>
      <c r="D48" s="58" t="s">
        <v>118</v>
      </c>
      <c r="E48" s="58"/>
      <c r="F48" s="58"/>
      <c r="G48" s="58"/>
      <c r="H48" s="58"/>
      <c r="I48" s="59"/>
      <c r="J48" s="35">
        <v>0</v>
      </c>
      <c r="K48" s="66"/>
      <c r="M48" s="36"/>
    </row>
    <row r="49" spans="1:13" ht="22.5" customHeight="1" x14ac:dyDescent="0.4">
      <c r="A49" s="33"/>
      <c r="C49" s="57"/>
      <c r="D49" s="58" t="s">
        <v>119</v>
      </c>
      <c r="E49" s="58"/>
      <c r="F49" s="58"/>
      <c r="G49" s="58"/>
      <c r="H49" s="58"/>
      <c r="I49" s="59"/>
      <c r="J49" s="35">
        <v>0</v>
      </c>
      <c r="K49" s="66"/>
      <c r="M49" s="36"/>
    </row>
    <row r="50" spans="1:13" ht="22.5" customHeight="1" x14ac:dyDescent="0.4">
      <c r="A50" s="33"/>
      <c r="C50" s="57"/>
      <c r="D50" s="58" t="s">
        <v>120</v>
      </c>
      <c r="E50" s="58"/>
      <c r="F50" s="58"/>
      <c r="G50" s="58"/>
      <c r="H50" s="58"/>
      <c r="I50" s="59"/>
      <c r="J50" s="35">
        <v>0</v>
      </c>
      <c r="K50" s="66"/>
      <c r="M50" s="36"/>
    </row>
    <row r="51" spans="1:13" ht="22.5" customHeight="1" x14ac:dyDescent="0.4">
      <c r="A51" s="33"/>
      <c r="C51" s="57"/>
      <c r="D51" s="58" t="s">
        <v>121</v>
      </c>
      <c r="E51" s="58"/>
      <c r="F51" s="58"/>
      <c r="G51" s="58"/>
      <c r="H51" s="58"/>
      <c r="I51" s="59"/>
      <c r="J51" s="35">
        <v>0</v>
      </c>
      <c r="K51" s="66"/>
      <c r="M51" s="36"/>
    </row>
    <row r="52" spans="1:13" ht="22.5" customHeight="1" x14ac:dyDescent="0.4">
      <c r="A52" s="33"/>
      <c r="C52" s="57" t="s">
        <v>122</v>
      </c>
      <c r="D52" s="58"/>
      <c r="E52" s="58"/>
      <c r="F52" s="58"/>
      <c r="G52" s="58"/>
      <c r="H52" s="58"/>
      <c r="I52" s="59"/>
      <c r="J52" s="35">
        <v>0</v>
      </c>
      <c r="K52" s="66"/>
      <c r="M52" s="36"/>
    </row>
    <row r="53" spans="1:13" ht="22.5" customHeight="1" x14ac:dyDescent="0.4">
      <c r="A53" s="33"/>
      <c r="C53" s="57"/>
      <c r="D53" s="58" t="s">
        <v>123</v>
      </c>
      <c r="E53" s="58"/>
      <c r="F53" s="58"/>
      <c r="G53" s="58"/>
      <c r="H53" s="58"/>
      <c r="I53" s="59"/>
      <c r="J53" s="35">
        <v>0</v>
      </c>
      <c r="K53" s="66"/>
      <c r="M53" s="36"/>
    </row>
    <row r="54" spans="1:13" ht="22.5" customHeight="1" x14ac:dyDescent="0.4">
      <c r="A54" s="33"/>
      <c r="C54" s="57"/>
      <c r="D54" s="58" t="s">
        <v>124</v>
      </c>
      <c r="E54" s="58"/>
      <c r="F54" s="58"/>
      <c r="G54" s="58"/>
      <c r="H54" s="58"/>
      <c r="I54" s="59"/>
      <c r="J54" s="35">
        <v>0</v>
      </c>
      <c r="K54" s="66"/>
      <c r="M54" s="36"/>
    </row>
    <row r="55" spans="1:13" ht="22.5" customHeight="1" x14ac:dyDescent="0.4">
      <c r="A55" s="33"/>
      <c r="C55" s="57"/>
      <c r="D55" s="58" t="s">
        <v>105</v>
      </c>
      <c r="E55" s="58"/>
      <c r="F55" s="58"/>
      <c r="G55" s="58"/>
      <c r="H55" s="58"/>
      <c r="I55" s="59"/>
      <c r="J55" s="35">
        <v>0</v>
      </c>
      <c r="K55" s="66"/>
      <c r="M55" s="36"/>
    </row>
    <row r="56" spans="1:13" ht="22.5" customHeight="1" x14ac:dyDescent="0.4">
      <c r="A56" s="33"/>
      <c r="C56" s="57"/>
      <c r="D56" s="58" t="s">
        <v>125</v>
      </c>
      <c r="E56" s="58"/>
      <c r="F56" s="58"/>
      <c r="G56" s="58"/>
      <c r="H56" s="58"/>
      <c r="I56" s="59"/>
      <c r="J56" s="35">
        <v>0</v>
      </c>
      <c r="K56" s="66"/>
      <c r="M56" s="36"/>
    </row>
    <row r="57" spans="1:13" ht="22.5" customHeight="1" x14ac:dyDescent="0.4">
      <c r="A57" s="33"/>
      <c r="C57" s="57"/>
      <c r="D57" s="58" t="s">
        <v>120</v>
      </c>
      <c r="E57" s="58"/>
      <c r="F57" s="58"/>
      <c r="G57" s="58"/>
      <c r="H57" s="58"/>
      <c r="I57" s="59"/>
      <c r="J57" s="35">
        <v>0</v>
      </c>
      <c r="K57" s="66"/>
      <c r="M57" s="36"/>
    </row>
    <row r="58" spans="1:13" ht="22.5" customHeight="1" x14ac:dyDescent="0.4">
      <c r="A58" s="33"/>
      <c r="C58" s="57"/>
      <c r="D58" s="58" t="s">
        <v>126</v>
      </c>
      <c r="E58" s="58"/>
      <c r="F58" s="58"/>
      <c r="G58" s="58"/>
      <c r="H58" s="58"/>
      <c r="I58" s="59"/>
      <c r="J58" s="35">
        <v>0</v>
      </c>
      <c r="K58" s="66"/>
      <c r="M58" s="36"/>
    </row>
    <row r="59" spans="1:13" ht="22.5" customHeight="1" x14ac:dyDescent="0.4">
      <c r="A59" s="33"/>
      <c r="C59" s="67" t="s">
        <v>127</v>
      </c>
      <c r="D59" s="68"/>
      <c r="E59" s="68"/>
      <c r="F59" s="68"/>
      <c r="G59" s="68"/>
      <c r="H59" s="68"/>
      <c r="I59" s="69"/>
      <c r="J59" s="46">
        <v>0</v>
      </c>
      <c r="K59" s="70"/>
      <c r="M59" s="36"/>
    </row>
    <row r="60" spans="1:13" ht="22.5" customHeight="1" x14ac:dyDescent="0.4">
      <c r="A60" s="33"/>
      <c r="C60" s="67" t="s">
        <v>128</v>
      </c>
      <c r="D60" s="68"/>
      <c r="E60" s="68"/>
      <c r="F60" s="68"/>
      <c r="G60" s="68"/>
      <c r="H60" s="68"/>
      <c r="I60" s="69"/>
      <c r="J60" s="46">
        <v>1936824</v>
      </c>
      <c r="K60" s="70"/>
      <c r="M60" s="36"/>
    </row>
    <row r="61" spans="1:13" ht="22.5" customHeight="1" x14ac:dyDescent="0.4">
      <c r="A61" s="33"/>
      <c r="C61" s="67" t="s">
        <v>129</v>
      </c>
      <c r="D61" s="43"/>
      <c r="E61" s="43"/>
      <c r="F61" s="43"/>
      <c r="G61" s="43"/>
      <c r="H61" s="43"/>
      <c r="I61" s="43"/>
      <c r="J61" s="44">
        <v>0</v>
      </c>
      <c r="K61" s="45"/>
      <c r="M61" s="36"/>
    </row>
    <row r="62" spans="1:13" ht="22.5" customHeight="1" x14ac:dyDescent="0.4">
      <c r="A62" s="33"/>
      <c r="C62" s="67" t="s">
        <v>130</v>
      </c>
      <c r="D62" s="43"/>
      <c r="E62" s="43"/>
      <c r="F62" s="43"/>
      <c r="G62" s="43"/>
      <c r="H62" s="43"/>
      <c r="I62" s="43"/>
      <c r="J62" s="46">
        <v>0</v>
      </c>
      <c r="K62" s="47"/>
      <c r="L62" s="35"/>
      <c r="M62" s="36"/>
    </row>
    <row r="63" spans="1:13" ht="22.5" customHeight="1" x14ac:dyDescent="0.4">
      <c r="A63" s="33"/>
      <c r="J63" s="35"/>
      <c r="K63" s="35"/>
      <c r="L63" s="35"/>
      <c r="M63" s="36"/>
    </row>
    <row r="64" spans="1:13" ht="22.5" customHeight="1" x14ac:dyDescent="0.4">
      <c r="A64" s="71"/>
      <c r="B64" s="72"/>
      <c r="C64" s="72"/>
      <c r="D64" s="72"/>
      <c r="E64" s="72"/>
      <c r="F64" s="72"/>
      <c r="G64" s="72"/>
      <c r="H64" s="72"/>
      <c r="I64" s="72"/>
      <c r="J64" s="73"/>
      <c r="K64" s="73"/>
      <c r="L64" s="73"/>
      <c r="M64" s="74"/>
    </row>
    <row r="65" spans="10:12" ht="22.5" customHeight="1" x14ac:dyDescent="0.4">
      <c r="J65" s="39"/>
      <c r="K65" s="39"/>
      <c r="L65" s="39"/>
    </row>
    <row r="66" spans="10:12" ht="22.5" customHeight="1" x14ac:dyDescent="0.4">
      <c r="J66" s="39"/>
      <c r="K66" s="39"/>
      <c r="L66" s="39"/>
    </row>
    <row r="67" spans="10:12" ht="22.5" customHeight="1" x14ac:dyDescent="0.4">
      <c r="J67" s="39"/>
      <c r="K67" s="39"/>
      <c r="L67" s="39"/>
    </row>
    <row r="68" spans="10:12" ht="22.5" customHeight="1" x14ac:dyDescent="0.4">
      <c r="J68" s="39"/>
      <c r="K68" s="39"/>
      <c r="L68" s="39"/>
    </row>
    <row r="69" spans="10:12" ht="22.5" customHeight="1" x14ac:dyDescent="0.4">
      <c r="J69" s="39"/>
      <c r="K69" s="39"/>
      <c r="L69" s="39"/>
    </row>
    <row r="70" spans="10:12" ht="22.5" customHeight="1" x14ac:dyDescent="0.4">
      <c r="J70" s="39"/>
      <c r="K70" s="39"/>
      <c r="L70" s="39"/>
    </row>
    <row r="71" spans="10:12" ht="22.5" customHeight="1" x14ac:dyDescent="0.4">
      <c r="J71" s="39"/>
      <c r="K71" s="39"/>
      <c r="L71" s="39"/>
    </row>
    <row r="72" spans="10:12" ht="22.5" customHeight="1" x14ac:dyDescent="0.4">
      <c r="J72" s="39"/>
      <c r="K72" s="39"/>
      <c r="L72" s="39"/>
    </row>
    <row r="73" spans="10:12" ht="22.5" customHeight="1" x14ac:dyDescent="0.4">
      <c r="J73" s="39"/>
      <c r="K73" s="39"/>
      <c r="L73" s="39"/>
    </row>
    <row r="74" spans="10:12" ht="22.5" customHeight="1" x14ac:dyDescent="0.4">
      <c r="J74" s="39"/>
      <c r="K74" s="39"/>
      <c r="L74" s="39"/>
    </row>
    <row r="75" spans="10:12" ht="22.5" customHeight="1" x14ac:dyDescent="0.4">
      <c r="J75" s="39"/>
      <c r="K75" s="39"/>
      <c r="L75" s="39"/>
    </row>
    <row r="76" spans="10:12" ht="22.5" customHeight="1" x14ac:dyDescent="0.4">
      <c r="J76" s="39"/>
      <c r="K76" s="39"/>
      <c r="L76" s="39"/>
    </row>
    <row r="77" spans="10:12" ht="22.5" customHeight="1" x14ac:dyDescent="0.4">
      <c r="J77" s="39"/>
      <c r="K77" s="39"/>
      <c r="L77" s="39"/>
    </row>
    <row r="78" spans="10:12" ht="22.5" customHeight="1" x14ac:dyDescent="0.4">
      <c r="J78" s="39"/>
      <c r="K78" s="39"/>
      <c r="L78" s="39"/>
    </row>
    <row r="79" spans="10:12" ht="22.5" customHeight="1" x14ac:dyDescent="0.4">
      <c r="J79" s="39"/>
      <c r="K79" s="39"/>
      <c r="L79" s="39"/>
    </row>
    <row r="80" spans="10:12" ht="22.5" customHeight="1" x14ac:dyDescent="0.4">
      <c r="J80" s="39"/>
      <c r="K80" s="39"/>
      <c r="L80" s="39"/>
    </row>
    <row r="81" spans="10:12" s="34" customFormat="1" ht="22.5" customHeight="1" x14ac:dyDescent="0.4">
      <c r="J81" s="39"/>
      <c r="K81" s="39"/>
      <c r="L81" s="39"/>
    </row>
    <row r="82" spans="10:12" s="34" customFormat="1" ht="22.5" customHeight="1" x14ac:dyDescent="0.4">
      <c r="J82" s="39"/>
      <c r="K82" s="39"/>
      <c r="L82" s="39"/>
    </row>
    <row r="83" spans="10:12" s="34" customFormat="1" ht="22.5" customHeight="1" x14ac:dyDescent="0.4">
      <c r="J83" s="39"/>
      <c r="K83" s="39"/>
      <c r="L83" s="39"/>
    </row>
    <row r="84" spans="10:12" s="34" customFormat="1" ht="22.5" customHeight="1" x14ac:dyDescent="0.4">
      <c r="J84" s="39"/>
      <c r="K84" s="39"/>
      <c r="L84" s="39"/>
    </row>
    <row r="85" spans="10:12" s="34" customFormat="1" ht="22.5" customHeight="1" x14ac:dyDescent="0.4">
      <c r="J85" s="39"/>
      <c r="K85" s="39"/>
      <c r="L85" s="39"/>
    </row>
    <row r="86" spans="10:12" s="34" customFormat="1" ht="22.5" customHeight="1" x14ac:dyDescent="0.4">
      <c r="J86" s="39"/>
      <c r="K86" s="39"/>
      <c r="L86" s="39"/>
    </row>
    <row r="87" spans="10:12" s="34" customFormat="1" ht="22.5" customHeight="1" x14ac:dyDescent="0.4">
      <c r="J87" s="39"/>
      <c r="K87" s="39"/>
      <c r="L87" s="39"/>
    </row>
    <row r="88" spans="10:12" s="34" customFormat="1" ht="22.5" customHeight="1" x14ac:dyDescent="0.4">
      <c r="J88" s="39"/>
      <c r="K88" s="39"/>
      <c r="L88" s="39"/>
    </row>
    <row r="89" spans="10:12" s="34" customFormat="1" ht="22.5" customHeight="1" x14ac:dyDescent="0.4">
      <c r="J89" s="39"/>
      <c r="K89" s="39"/>
      <c r="L89" s="39"/>
    </row>
    <row r="90" spans="10:12" s="34" customFormat="1" ht="22.5" customHeight="1" x14ac:dyDescent="0.4">
      <c r="J90" s="39"/>
      <c r="K90" s="39"/>
      <c r="L90" s="39"/>
    </row>
    <row r="91" spans="10:12" s="34" customFormat="1" ht="22.5" customHeight="1" x14ac:dyDescent="0.4">
      <c r="J91" s="39"/>
      <c r="K91" s="39"/>
      <c r="L91" s="39"/>
    </row>
    <row r="92" spans="10:12" s="34" customFormat="1" ht="22.5" customHeight="1" x14ac:dyDescent="0.4">
      <c r="J92" s="39"/>
      <c r="K92" s="39"/>
      <c r="L92" s="39"/>
    </row>
    <row r="93" spans="10:12" s="34" customFormat="1" ht="22.5" customHeight="1" x14ac:dyDescent="0.4">
      <c r="J93" s="39"/>
      <c r="K93" s="39"/>
      <c r="L93" s="39"/>
    </row>
    <row r="94" spans="10:12" s="34" customFormat="1" ht="22.5" customHeight="1" x14ac:dyDescent="0.4">
      <c r="J94" s="39"/>
      <c r="K94" s="39"/>
      <c r="L94" s="39"/>
    </row>
    <row r="95" spans="10:12" s="34" customFormat="1" ht="22.5" customHeight="1" x14ac:dyDescent="0.4">
      <c r="J95" s="39"/>
      <c r="K95" s="39"/>
      <c r="L95" s="39"/>
    </row>
    <row r="96" spans="10:12" s="34" customFormat="1" ht="22.5" customHeight="1" x14ac:dyDescent="0.4">
      <c r="J96" s="39"/>
      <c r="K96" s="39"/>
      <c r="L96" s="39"/>
    </row>
    <row r="97" spans="10:12" s="34" customFormat="1" ht="22.5" customHeight="1" x14ac:dyDescent="0.4">
      <c r="J97" s="39"/>
      <c r="K97" s="39"/>
      <c r="L97" s="39"/>
    </row>
    <row r="98" spans="10:12" s="34" customFormat="1" ht="22.5" customHeight="1" x14ac:dyDescent="0.4">
      <c r="J98" s="39"/>
      <c r="K98" s="39"/>
      <c r="L98" s="39"/>
    </row>
    <row r="99" spans="10:12" s="34" customFormat="1" ht="22.5" customHeight="1" x14ac:dyDescent="0.4">
      <c r="J99" s="39"/>
      <c r="K99" s="39"/>
      <c r="L99" s="39"/>
    </row>
    <row r="100" spans="10:12" s="34" customFormat="1" ht="22.5" customHeight="1" x14ac:dyDescent="0.4">
      <c r="J100" s="39"/>
      <c r="K100" s="39"/>
      <c r="L100" s="39"/>
    </row>
    <row r="101" spans="10:12" s="34" customFormat="1" ht="22.5" customHeight="1" x14ac:dyDescent="0.4">
      <c r="J101" s="39"/>
      <c r="K101" s="39"/>
      <c r="L101" s="39"/>
    </row>
    <row r="102" spans="10:12" s="34" customFormat="1" ht="22.5" customHeight="1" x14ac:dyDescent="0.4">
      <c r="J102" s="39"/>
      <c r="K102" s="39"/>
      <c r="L102" s="39"/>
    </row>
    <row r="103" spans="10:12" s="34" customFormat="1" ht="22.5" customHeight="1" x14ac:dyDescent="0.4">
      <c r="J103" s="39"/>
      <c r="K103" s="39"/>
      <c r="L103" s="39"/>
    </row>
    <row r="104" spans="10:12" s="34" customFormat="1" ht="22.5" customHeight="1" x14ac:dyDescent="0.4">
      <c r="J104" s="39"/>
      <c r="K104" s="39"/>
      <c r="L104" s="39"/>
    </row>
    <row r="105" spans="10:12" s="34" customFormat="1" ht="22.5" customHeight="1" x14ac:dyDescent="0.4">
      <c r="J105" s="39"/>
      <c r="K105" s="39"/>
      <c r="L105" s="39"/>
    </row>
    <row r="106" spans="10:12" s="34" customFormat="1" ht="22.5" customHeight="1" x14ac:dyDescent="0.4">
      <c r="J106" s="39"/>
      <c r="K106" s="39"/>
      <c r="L106" s="39"/>
    </row>
    <row r="107" spans="10:12" s="34" customFormat="1" ht="22.5" customHeight="1" x14ac:dyDescent="0.4">
      <c r="J107" s="39"/>
      <c r="K107" s="39"/>
      <c r="L107" s="39"/>
    </row>
    <row r="108" spans="10:12" s="34" customFormat="1" ht="22.5" customHeight="1" x14ac:dyDescent="0.4">
      <c r="J108" s="39"/>
      <c r="K108" s="39"/>
      <c r="L108" s="39"/>
    </row>
    <row r="109" spans="10:12" s="34" customFormat="1" ht="22.5" customHeight="1" x14ac:dyDescent="0.4">
      <c r="J109" s="39"/>
      <c r="K109" s="39"/>
      <c r="L109" s="39"/>
    </row>
    <row r="110" spans="10:12" s="34" customFormat="1" ht="22.5" customHeight="1" x14ac:dyDescent="0.4">
      <c r="J110" s="39"/>
      <c r="K110" s="39"/>
      <c r="L110" s="39"/>
    </row>
    <row r="111" spans="10:12" s="34" customFormat="1" ht="22.5" customHeight="1" x14ac:dyDescent="0.4">
      <c r="J111" s="39"/>
      <c r="K111" s="39"/>
      <c r="L111" s="39"/>
    </row>
    <row r="112" spans="10:12" s="34" customFormat="1" ht="22.5" customHeight="1" x14ac:dyDescent="0.4">
      <c r="J112" s="39"/>
      <c r="K112" s="39"/>
      <c r="L112" s="39"/>
    </row>
    <row r="113" spans="10:12" s="34" customFormat="1" ht="22.5" customHeight="1" x14ac:dyDescent="0.4">
      <c r="J113" s="39"/>
      <c r="K113" s="39"/>
      <c r="L113" s="39"/>
    </row>
    <row r="114" spans="10:12" s="34" customFormat="1" ht="22.5" customHeight="1" x14ac:dyDescent="0.4">
      <c r="J114" s="39"/>
      <c r="K114" s="39"/>
      <c r="L114" s="39"/>
    </row>
    <row r="115" spans="10:12" s="34" customFormat="1" ht="22.5" customHeight="1" x14ac:dyDescent="0.4">
      <c r="J115" s="39"/>
      <c r="K115" s="39"/>
      <c r="L115" s="39"/>
    </row>
    <row r="116" spans="10:12" s="34" customFormat="1" ht="22.5" customHeight="1" x14ac:dyDescent="0.4">
      <c r="J116" s="39"/>
      <c r="K116" s="39"/>
      <c r="L116" s="39"/>
    </row>
    <row r="117" spans="10:12" s="34" customFormat="1" ht="22.5" customHeight="1" x14ac:dyDescent="0.4">
      <c r="J117" s="39"/>
      <c r="K117" s="39"/>
      <c r="L117" s="39"/>
    </row>
    <row r="118" spans="10:12" s="34" customFormat="1" ht="22.5" customHeight="1" x14ac:dyDescent="0.4">
      <c r="J118" s="39"/>
      <c r="K118" s="39"/>
      <c r="L118" s="39"/>
    </row>
    <row r="119" spans="10:12" s="34" customFormat="1" ht="22.5" customHeight="1" x14ac:dyDescent="0.4">
      <c r="J119" s="39"/>
      <c r="K119" s="39"/>
      <c r="L119" s="39"/>
    </row>
    <row r="120" spans="10:12" s="34" customFormat="1" ht="22.5" customHeight="1" x14ac:dyDescent="0.4">
      <c r="J120" s="39"/>
      <c r="K120" s="39"/>
      <c r="L120" s="39"/>
    </row>
    <row r="121" spans="10:12" s="34" customFormat="1" ht="22.5" customHeight="1" x14ac:dyDescent="0.4">
      <c r="J121" s="39"/>
      <c r="K121" s="39"/>
      <c r="L121" s="39"/>
    </row>
    <row r="122" spans="10:12" s="34" customFormat="1" ht="22.5" customHeight="1" x14ac:dyDescent="0.4">
      <c r="J122" s="39"/>
      <c r="K122" s="39"/>
      <c r="L122" s="39"/>
    </row>
    <row r="123" spans="10:12" s="34" customFormat="1" ht="22.5" customHeight="1" x14ac:dyDescent="0.4">
      <c r="J123" s="39"/>
      <c r="K123" s="39"/>
      <c r="L123" s="39"/>
    </row>
    <row r="124" spans="10:12" s="34" customFormat="1" ht="22.5" customHeight="1" x14ac:dyDescent="0.4">
      <c r="J124" s="39"/>
      <c r="K124" s="39"/>
      <c r="L124" s="39"/>
    </row>
    <row r="125" spans="10:12" s="34" customFormat="1" ht="22.5" customHeight="1" x14ac:dyDescent="0.4">
      <c r="J125" s="39"/>
      <c r="K125" s="39"/>
      <c r="L125" s="39"/>
    </row>
    <row r="126" spans="10:12" s="34" customFormat="1" ht="22.5" customHeight="1" x14ac:dyDescent="0.4">
      <c r="J126" s="39"/>
      <c r="K126" s="39"/>
      <c r="L126" s="39"/>
    </row>
    <row r="127" spans="10:12" s="34" customFormat="1" ht="22.5" customHeight="1" x14ac:dyDescent="0.4">
      <c r="J127" s="39"/>
      <c r="K127" s="39"/>
      <c r="L127" s="39"/>
    </row>
    <row r="128" spans="10:12" s="34" customFormat="1" ht="22.5" customHeight="1" x14ac:dyDescent="0.4">
      <c r="J128" s="39"/>
      <c r="K128" s="39"/>
      <c r="L128" s="39"/>
    </row>
    <row r="129" spans="10:12" s="34" customFormat="1" ht="22.5" customHeight="1" x14ac:dyDescent="0.4">
      <c r="J129" s="39"/>
      <c r="K129" s="39"/>
      <c r="L129" s="39"/>
    </row>
    <row r="130" spans="10:12" s="34" customFormat="1" ht="22.5" customHeight="1" x14ac:dyDescent="0.4">
      <c r="J130" s="39"/>
      <c r="K130" s="39"/>
      <c r="L130" s="39"/>
    </row>
    <row r="131" spans="10:12" s="34" customFormat="1" ht="22.5" customHeight="1" x14ac:dyDescent="0.4">
      <c r="J131" s="39"/>
      <c r="K131" s="39"/>
      <c r="L131" s="39"/>
    </row>
    <row r="132" spans="10:12" s="34" customFormat="1" ht="22.5" customHeight="1" x14ac:dyDescent="0.4">
      <c r="J132" s="39"/>
      <c r="K132" s="39"/>
      <c r="L132" s="39"/>
    </row>
    <row r="133" spans="10:12" s="34" customFormat="1" ht="22.5" customHeight="1" x14ac:dyDescent="0.4">
      <c r="J133" s="39"/>
      <c r="K133" s="39"/>
      <c r="L133" s="39"/>
    </row>
    <row r="134" spans="10:12" s="34" customFormat="1" ht="22.5" customHeight="1" x14ac:dyDescent="0.4">
      <c r="J134" s="39"/>
      <c r="K134" s="39"/>
      <c r="L134" s="39"/>
    </row>
    <row r="135" spans="10:12" s="34" customFormat="1" ht="22.5" customHeight="1" x14ac:dyDescent="0.4">
      <c r="J135" s="39"/>
      <c r="K135" s="39"/>
      <c r="L135" s="39"/>
    </row>
    <row r="136" spans="10:12" s="34" customFormat="1" ht="22.5" customHeight="1" x14ac:dyDescent="0.4">
      <c r="J136" s="39"/>
      <c r="K136" s="39"/>
      <c r="L136" s="39"/>
    </row>
    <row r="137" spans="10:12" s="34" customFormat="1" ht="22.5" customHeight="1" x14ac:dyDescent="0.4">
      <c r="J137" s="39"/>
      <c r="K137" s="39"/>
      <c r="L137" s="39"/>
    </row>
    <row r="138" spans="10:12" s="34" customFormat="1" ht="22.5" customHeight="1" x14ac:dyDescent="0.4">
      <c r="J138" s="39"/>
      <c r="K138" s="39"/>
      <c r="L138" s="39"/>
    </row>
    <row r="139" spans="10:12" s="34" customFormat="1" ht="22.5" customHeight="1" x14ac:dyDescent="0.4">
      <c r="J139" s="39"/>
      <c r="K139" s="39"/>
      <c r="L139" s="39"/>
    </row>
    <row r="140" spans="10:12" s="34" customFormat="1" ht="22.5" customHeight="1" x14ac:dyDescent="0.4">
      <c r="J140" s="39"/>
      <c r="K140" s="39"/>
      <c r="L140" s="39"/>
    </row>
    <row r="141" spans="10:12" s="34" customFormat="1" ht="22.5" customHeight="1" x14ac:dyDescent="0.4">
      <c r="J141" s="39"/>
      <c r="K141" s="39"/>
      <c r="L141" s="39"/>
    </row>
    <row r="142" spans="10:12" s="34" customFormat="1" ht="22.5" customHeight="1" x14ac:dyDescent="0.4">
      <c r="J142" s="39"/>
      <c r="K142" s="39"/>
      <c r="L142" s="39"/>
    </row>
    <row r="143" spans="10:12" s="34" customFormat="1" ht="22.5" customHeight="1" x14ac:dyDescent="0.4">
      <c r="J143" s="39"/>
      <c r="K143" s="39"/>
      <c r="L143" s="39"/>
    </row>
    <row r="144" spans="10:12" s="34" customFormat="1" ht="22.5" customHeight="1" x14ac:dyDescent="0.4">
      <c r="J144" s="39"/>
      <c r="K144" s="39"/>
      <c r="L144" s="39"/>
    </row>
    <row r="145" spans="10:12" s="34" customFormat="1" ht="22.5" customHeight="1" x14ac:dyDescent="0.4">
      <c r="J145" s="39"/>
      <c r="K145" s="39"/>
      <c r="L145" s="39"/>
    </row>
    <row r="146" spans="10:12" s="34" customFormat="1" ht="22.5" customHeight="1" x14ac:dyDescent="0.4">
      <c r="J146" s="39"/>
      <c r="K146" s="39"/>
      <c r="L146" s="39"/>
    </row>
    <row r="147" spans="10:12" s="34" customFormat="1" ht="22.5" customHeight="1" x14ac:dyDescent="0.4">
      <c r="J147" s="39"/>
      <c r="K147" s="39"/>
      <c r="L147" s="39"/>
    </row>
    <row r="148" spans="10:12" s="34" customFormat="1" ht="22.5" customHeight="1" x14ac:dyDescent="0.4">
      <c r="J148" s="39"/>
      <c r="K148" s="39"/>
      <c r="L148" s="39"/>
    </row>
    <row r="149" spans="10:12" s="34" customFormat="1" ht="22.5" customHeight="1" x14ac:dyDescent="0.4">
      <c r="J149" s="39"/>
      <c r="K149" s="39"/>
      <c r="L149" s="39"/>
    </row>
    <row r="150" spans="10:12" s="34" customFormat="1" ht="22.5" customHeight="1" x14ac:dyDescent="0.4">
      <c r="J150" s="39"/>
      <c r="K150" s="39"/>
      <c r="L150" s="39"/>
    </row>
    <row r="151" spans="10:12" s="34" customFormat="1" ht="22.5" customHeight="1" x14ac:dyDescent="0.4">
      <c r="J151" s="39"/>
      <c r="K151" s="39"/>
      <c r="L151" s="39"/>
    </row>
    <row r="152" spans="10:12" s="34" customFormat="1" ht="22.5" customHeight="1" x14ac:dyDescent="0.4">
      <c r="J152" s="39"/>
      <c r="K152" s="39"/>
      <c r="L152" s="39"/>
    </row>
    <row r="153" spans="10:12" s="34" customFormat="1" ht="22.5" customHeight="1" x14ac:dyDescent="0.4">
      <c r="J153" s="39"/>
      <c r="K153" s="39"/>
      <c r="L153" s="39"/>
    </row>
    <row r="154" spans="10:12" s="34" customFormat="1" ht="22.5" customHeight="1" x14ac:dyDescent="0.4">
      <c r="J154" s="39"/>
      <c r="K154" s="39"/>
      <c r="L154" s="39"/>
    </row>
    <row r="155" spans="10:12" s="34" customFormat="1" ht="22.5" customHeight="1" x14ac:dyDescent="0.4">
      <c r="J155" s="39"/>
      <c r="K155" s="39"/>
      <c r="L155" s="39"/>
    </row>
    <row r="156" spans="10:12" s="34" customFormat="1" ht="22.5" customHeight="1" x14ac:dyDescent="0.4">
      <c r="J156" s="39"/>
      <c r="K156" s="39"/>
      <c r="L156" s="39"/>
    </row>
    <row r="157" spans="10:12" s="34" customFormat="1" ht="22.5" customHeight="1" x14ac:dyDescent="0.4">
      <c r="J157" s="39"/>
      <c r="K157" s="39"/>
      <c r="L157" s="39"/>
    </row>
    <row r="158" spans="10:12" s="34" customFormat="1" ht="22.5" customHeight="1" x14ac:dyDescent="0.4">
      <c r="J158" s="39"/>
      <c r="K158" s="39"/>
      <c r="L158" s="39"/>
    </row>
    <row r="159" spans="10:12" s="34" customFormat="1" ht="22.5" customHeight="1" x14ac:dyDescent="0.4">
      <c r="J159" s="39"/>
      <c r="K159" s="39"/>
      <c r="L159" s="39"/>
    </row>
    <row r="160" spans="10:12" s="34" customFormat="1" ht="22.5" customHeight="1" x14ac:dyDescent="0.4">
      <c r="J160" s="39"/>
      <c r="K160" s="39"/>
      <c r="L160" s="39"/>
    </row>
    <row r="161" spans="10:12" s="34" customFormat="1" ht="22.5" customHeight="1" x14ac:dyDescent="0.4">
      <c r="J161" s="39"/>
      <c r="K161" s="39"/>
      <c r="L161" s="39"/>
    </row>
    <row r="162" spans="10:12" s="34" customFormat="1" ht="22.5" customHeight="1" x14ac:dyDescent="0.4">
      <c r="J162" s="39"/>
      <c r="K162" s="39"/>
      <c r="L162" s="39"/>
    </row>
    <row r="163" spans="10:12" s="34" customFormat="1" ht="22.5" customHeight="1" x14ac:dyDescent="0.4">
      <c r="J163" s="39"/>
      <c r="K163" s="39"/>
      <c r="L163" s="39"/>
    </row>
    <row r="164" spans="10:12" s="34" customFormat="1" ht="22.5" customHeight="1" x14ac:dyDescent="0.4">
      <c r="J164" s="39"/>
      <c r="K164" s="39"/>
      <c r="L164" s="39"/>
    </row>
    <row r="165" spans="10:12" s="34" customFormat="1" ht="22.5" customHeight="1" x14ac:dyDescent="0.4">
      <c r="J165" s="39"/>
      <c r="K165" s="39"/>
      <c r="L165" s="39"/>
    </row>
    <row r="166" spans="10:12" s="34" customFormat="1" ht="22.5" customHeight="1" x14ac:dyDescent="0.4">
      <c r="J166" s="39"/>
      <c r="K166" s="39"/>
      <c r="L166" s="39"/>
    </row>
    <row r="167" spans="10:12" s="34" customFormat="1" ht="22.5" customHeight="1" x14ac:dyDescent="0.4">
      <c r="J167" s="39"/>
      <c r="K167" s="39"/>
      <c r="L167" s="39"/>
    </row>
    <row r="168" spans="10:12" s="34" customFormat="1" ht="22.5" customHeight="1" x14ac:dyDescent="0.4">
      <c r="J168" s="39"/>
      <c r="K168" s="39"/>
      <c r="L168" s="39"/>
    </row>
    <row r="169" spans="10:12" s="34" customFormat="1" ht="22.5" customHeight="1" x14ac:dyDescent="0.4">
      <c r="J169" s="39"/>
      <c r="K169" s="39"/>
      <c r="L169" s="39"/>
    </row>
    <row r="170" spans="10:12" s="34" customFormat="1" ht="22.5" customHeight="1" x14ac:dyDescent="0.4">
      <c r="J170" s="39"/>
      <c r="K170" s="39"/>
      <c r="L170" s="39"/>
    </row>
    <row r="171" spans="10:12" s="34" customFormat="1" ht="22.5" customHeight="1" x14ac:dyDescent="0.4">
      <c r="J171" s="39"/>
      <c r="K171" s="39"/>
      <c r="L171" s="39"/>
    </row>
    <row r="172" spans="10:12" s="34" customFormat="1" ht="22.5" customHeight="1" x14ac:dyDescent="0.4">
      <c r="J172" s="39"/>
      <c r="K172" s="39"/>
      <c r="L172" s="39"/>
    </row>
    <row r="173" spans="10:12" s="34" customFormat="1" ht="22.5" customHeight="1" x14ac:dyDescent="0.4">
      <c r="J173" s="39"/>
      <c r="K173" s="39"/>
      <c r="L173" s="39"/>
    </row>
    <row r="174" spans="10:12" s="34" customFormat="1" ht="22.5" customHeight="1" x14ac:dyDescent="0.4">
      <c r="J174" s="39"/>
      <c r="K174" s="39"/>
      <c r="L174" s="39"/>
    </row>
    <row r="175" spans="10:12" s="34" customFormat="1" ht="22.5" customHeight="1" x14ac:dyDescent="0.4">
      <c r="J175" s="39"/>
      <c r="K175" s="39"/>
      <c r="L175" s="39"/>
    </row>
    <row r="176" spans="10:12" s="34" customFormat="1" ht="22.5" customHeight="1" x14ac:dyDescent="0.4">
      <c r="J176" s="39"/>
      <c r="K176" s="39"/>
      <c r="L176" s="39"/>
    </row>
    <row r="177" spans="10:12" s="34" customFormat="1" ht="22.5" customHeight="1" x14ac:dyDescent="0.4">
      <c r="J177" s="39"/>
      <c r="K177" s="39"/>
      <c r="L177" s="39"/>
    </row>
    <row r="178" spans="10:12" s="34" customFormat="1" ht="22.5" customHeight="1" x14ac:dyDescent="0.4">
      <c r="J178" s="39"/>
      <c r="K178" s="39"/>
      <c r="L178" s="39"/>
    </row>
    <row r="179" spans="10:12" s="34" customFormat="1" ht="22.5" customHeight="1" x14ac:dyDescent="0.4">
      <c r="J179" s="39"/>
      <c r="K179" s="39"/>
      <c r="L179" s="39"/>
    </row>
    <row r="180" spans="10:12" s="34" customFormat="1" ht="22.5" customHeight="1" x14ac:dyDescent="0.4">
      <c r="J180" s="39"/>
      <c r="K180" s="39"/>
      <c r="L180" s="39"/>
    </row>
    <row r="181" spans="10:12" s="34" customFormat="1" ht="22.5" customHeight="1" x14ac:dyDescent="0.4">
      <c r="J181" s="39"/>
      <c r="K181" s="39"/>
      <c r="L181" s="39"/>
    </row>
    <row r="182" spans="10:12" s="34" customFormat="1" ht="22.5" customHeight="1" x14ac:dyDescent="0.4">
      <c r="J182" s="39"/>
      <c r="K182" s="39"/>
      <c r="L182" s="39"/>
    </row>
    <row r="183" spans="10:12" s="34" customFormat="1" ht="22.5" customHeight="1" x14ac:dyDescent="0.4">
      <c r="J183" s="39"/>
      <c r="K183" s="39"/>
      <c r="L183" s="39"/>
    </row>
    <row r="184" spans="10:12" s="34" customFormat="1" ht="22.5" customHeight="1" x14ac:dyDescent="0.4">
      <c r="J184" s="39"/>
      <c r="K184" s="39"/>
      <c r="L184" s="39"/>
    </row>
    <row r="185" spans="10:12" s="34" customFormat="1" ht="22.5" customHeight="1" x14ac:dyDescent="0.4">
      <c r="J185" s="39"/>
      <c r="K185" s="39"/>
      <c r="L185" s="39"/>
    </row>
    <row r="186" spans="10:12" s="34" customFormat="1" ht="22.5" customHeight="1" x14ac:dyDescent="0.4"/>
    <row r="187" spans="10:12" s="34" customFormat="1" ht="22.5" customHeight="1" x14ac:dyDescent="0.4"/>
    <row r="188" spans="10:12" s="34" customFormat="1" ht="22.5" customHeight="1" x14ac:dyDescent="0.4"/>
    <row r="189" spans="10:12" s="34" customFormat="1" ht="22.5" customHeight="1" x14ac:dyDescent="0.4"/>
    <row r="190" spans="10:12" s="34" customFormat="1" ht="22.5" customHeight="1" x14ac:dyDescent="0.4"/>
    <row r="191" spans="10:12" s="34" customFormat="1" ht="22.5" customHeight="1" x14ac:dyDescent="0.4"/>
    <row r="192" spans="10:12" s="34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9431C32-D159-4AC4-B5EC-4983048F77B0}">
  <dimension ref="A1:N59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75" customWidth="1"/>
    <col min="2" max="2" width="7.625" style="75" customWidth="1"/>
    <col min="3" max="8" width="3.5" style="75" customWidth="1"/>
    <col min="9" max="9" width="8.75" style="75" customWidth="1"/>
    <col min="10" max="12" width="34.625" style="75" customWidth="1"/>
    <col min="13" max="13" width="7.625" style="75" customWidth="1"/>
    <col min="14" max="14" width="7.5" style="75" customWidth="1"/>
    <col min="15" max="256" width="8.875" style="1"/>
    <col min="257" max="257" width="7.5" style="1" customWidth="1"/>
    <col min="258" max="258" width="7.625" style="1" customWidth="1"/>
    <col min="259" max="264" width="3.5" style="1" customWidth="1"/>
    <col min="265" max="265" width="8.75" style="1" customWidth="1"/>
    <col min="266" max="268" width="34.625" style="1" customWidth="1"/>
    <col min="269" max="269" width="7.625" style="1" customWidth="1"/>
    <col min="270" max="270" width="7.5" style="1" customWidth="1"/>
    <col min="271" max="512" width="8.875" style="1"/>
    <col min="513" max="513" width="7.5" style="1" customWidth="1"/>
    <col min="514" max="514" width="7.625" style="1" customWidth="1"/>
    <col min="515" max="520" width="3.5" style="1" customWidth="1"/>
    <col min="521" max="521" width="8.75" style="1" customWidth="1"/>
    <col min="522" max="524" width="34.625" style="1" customWidth="1"/>
    <col min="525" max="525" width="7.625" style="1" customWidth="1"/>
    <col min="526" max="526" width="7.5" style="1" customWidth="1"/>
    <col min="527" max="768" width="8.875" style="1"/>
    <col min="769" max="769" width="7.5" style="1" customWidth="1"/>
    <col min="770" max="770" width="7.625" style="1" customWidth="1"/>
    <col min="771" max="776" width="3.5" style="1" customWidth="1"/>
    <col min="777" max="777" width="8.75" style="1" customWidth="1"/>
    <col min="778" max="780" width="34.625" style="1" customWidth="1"/>
    <col min="781" max="781" width="7.625" style="1" customWidth="1"/>
    <col min="782" max="782" width="7.5" style="1" customWidth="1"/>
    <col min="783" max="1024" width="8.875" style="1"/>
    <col min="1025" max="1025" width="7.5" style="1" customWidth="1"/>
    <col min="1026" max="1026" width="7.625" style="1" customWidth="1"/>
    <col min="1027" max="1032" width="3.5" style="1" customWidth="1"/>
    <col min="1033" max="1033" width="8.75" style="1" customWidth="1"/>
    <col min="1034" max="1036" width="34.625" style="1" customWidth="1"/>
    <col min="1037" max="1037" width="7.625" style="1" customWidth="1"/>
    <col min="1038" max="1038" width="7.5" style="1" customWidth="1"/>
    <col min="1039" max="1280" width="8.875" style="1"/>
    <col min="1281" max="1281" width="7.5" style="1" customWidth="1"/>
    <col min="1282" max="1282" width="7.625" style="1" customWidth="1"/>
    <col min="1283" max="1288" width="3.5" style="1" customWidth="1"/>
    <col min="1289" max="1289" width="8.75" style="1" customWidth="1"/>
    <col min="1290" max="1292" width="34.625" style="1" customWidth="1"/>
    <col min="1293" max="1293" width="7.625" style="1" customWidth="1"/>
    <col min="1294" max="1294" width="7.5" style="1" customWidth="1"/>
    <col min="1295" max="1536" width="8.875" style="1"/>
    <col min="1537" max="1537" width="7.5" style="1" customWidth="1"/>
    <col min="1538" max="1538" width="7.625" style="1" customWidth="1"/>
    <col min="1539" max="1544" width="3.5" style="1" customWidth="1"/>
    <col min="1545" max="1545" width="8.75" style="1" customWidth="1"/>
    <col min="1546" max="1548" width="34.625" style="1" customWidth="1"/>
    <col min="1549" max="1549" width="7.625" style="1" customWidth="1"/>
    <col min="1550" max="1550" width="7.5" style="1" customWidth="1"/>
    <col min="1551" max="1792" width="8.875" style="1"/>
    <col min="1793" max="1793" width="7.5" style="1" customWidth="1"/>
    <col min="1794" max="1794" width="7.625" style="1" customWidth="1"/>
    <col min="1795" max="1800" width="3.5" style="1" customWidth="1"/>
    <col min="1801" max="1801" width="8.75" style="1" customWidth="1"/>
    <col min="1802" max="1804" width="34.625" style="1" customWidth="1"/>
    <col min="1805" max="1805" width="7.625" style="1" customWidth="1"/>
    <col min="1806" max="1806" width="7.5" style="1" customWidth="1"/>
    <col min="1807" max="2048" width="8.875" style="1"/>
    <col min="2049" max="2049" width="7.5" style="1" customWidth="1"/>
    <col min="2050" max="2050" width="7.625" style="1" customWidth="1"/>
    <col min="2051" max="2056" width="3.5" style="1" customWidth="1"/>
    <col min="2057" max="2057" width="8.75" style="1" customWidth="1"/>
    <col min="2058" max="2060" width="34.625" style="1" customWidth="1"/>
    <col min="2061" max="2061" width="7.625" style="1" customWidth="1"/>
    <col min="2062" max="2062" width="7.5" style="1" customWidth="1"/>
    <col min="2063" max="2304" width="8.875" style="1"/>
    <col min="2305" max="2305" width="7.5" style="1" customWidth="1"/>
    <col min="2306" max="2306" width="7.625" style="1" customWidth="1"/>
    <col min="2307" max="2312" width="3.5" style="1" customWidth="1"/>
    <col min="2313" max="2313" width="8.75" style="1" customWidth="1"/>
    <col min="2314" max="2316" width="34.625" style="1" customWidth="1"/>
    <col min="2317" max="2317" width="7.625" style="1" customWidth="1"/>
    <col min="2318" max="2318" width="7.5" style="1" customWidth="1"/>
    <col min="2319" max="2560" width="8.875" style="1"/>
    <col min="2561" max="2561" width="7.5" style="1" customWidth="1"/>
    <col min="2562" max="2562" width="7.625" style="1" customWidth="1"/>
    <col min="2563" max="2568" width="3.5" style="1" customWidth="1"/>
    <col min="2569" max="2569" width="8.75" style="1" customWidth="1"/>
    <col min="2570" max="2572" width="34.625" style="1" customWidth="1"/>
    <col min="2573" max="2573" width="7.625" style="1" customWidth="1"/>
    <col min="2574" max="2574" width="7.5" style="1" customWidth="1"/>
    <col min="2575" max="2816" width="8.875" style="1"/>
    <col min="2817" max="2817" width="7.5" style="1" customWidth="1"/>
    <col min="2818" max="2818" width="7.625" style="1" customWidth="1"/>
    <col min="2819" max="2824" width="3.5" style="1" customWidth="1"/>
    <col min="2825" max="2825" width="8.75" style="1" customWidth="1"/>
    <col min="2826" max="2828" width="34.625" style="1" customWidth="1"/>
    <col min="2829" max="2829" width="7.625" style="1" customWidth="1"/>
    <col min="2830" max="2830" width="7.5" style="1" customWidth="1"/>
    <col min="2831" max="3072" width="8.875" style="1"/>
    <col min="3073" max="3073" width="7.5" style="1" customWidth="1"/>
    <col min="3074" max="3074" width="7.625" style="1" customWidth="1"/>
    <col min="3075" max="3080" width="3.5" style="1" customWidth="1"/>
    <col min="3081" max="3081" width="8.75" style="1" customWidth="1"/>
    <col min="3082" max="3084" width="34.625" style="1" customWidth="1"/>
    <col min="3085" max="3085" width="7.625" style="1" customWidth="1"/>
    <col min="3086" max="3086" width="7.5" style="1" customWidth="1"/>
    <col min="3087" max="3328" width="8.875" style="1"/>
    <col min="3329" max="3329" width="7.5" style="1" customWidth="1"/>
    <col min="3330" max="3330" width="7.625" style="1" customWidth="1"/>
    <col min="3331" max="3336" width="3.5" style="1" customWidth="1"/>
    <col min="3337" max="3337" width="8.75" style="1" customWidth="1"/>
    <col min="3338" max="3340" width="34.625" style="1" customWidth="1"/>
    <col min="3341" max="3341" width="7.625" style="1" customWidth="1"/>
    <col min="3342" max="3342" width="7.5" style="1" customWidth="1"/>
    <col min="3343" max="3584" width="8.875" style="1"/>
    <col min="3585" max="3585" width="7.5" style="1" customWidth="1"/>
    <col min="3586" max="3586" width="7.625" style="1" customWidth="1"/>
    <col min="3587" max="3592" width="3.5" style="1" customWidth="1"/>
    <col min="3593" max="3593" width="8.75" style="1" customWidth="1"/>
    <col min="3594" max="3596" width="34.625" style="1" customWidth="1"/>
    <col min="3597" max="3597" width="7.625" style="1" customWidth="1"/>
    <col min="3598" max="3598" width="7.5" style="1" customWidth="1"/>
    <col min="3599" max="3840" width="8.875" style="1"/>
    <col min="3841" max="3841" width="7.5" style="1" customWidth="1"/>
    <col min="3842" max="3842" width="7.625" style="1" customWidth="1"/>
    <col min="3843" max="3848" width="3.5" style="1" customWidth="1"/>
    <col min="3849" max="3849" width="8.75" style="1" customWidth="1"/>
    <col min="3850" max="3852" width="34.625" style="1" customWidth="1"/>
    <col min="3853" max="3853" width="7.625" style="1" customWidth="1"/>
    <col min="3854" max="3854" width="7.5" style="1" customWidth="1"/>
    <col min="3855" max="4096" width="8.875" style="1"/>
    <col min="4097" max="4097" width="7.5" style="1" customWidth="1"/>
    <col min="4098" max="4098" width="7.625" style="1" customWidth="1"/>
    <col min="4099" max="4104" width="3.5" style="1" customWidth="1"/>
    <col min="4105" max="4105" width="8.75" style="1" customWidth="1"/>
    <col min="4106" max="4108" width="34.625" style="1" customWidth="1"/>
    <col min="4109" max="4109" width="7.625" style="1" customWidth="1"/>
    <col min="4110" max="4110" width="7.5" style="1" customWidth="1"/>
    <col min="4111" max="4352" width="8.875" style="1"/>
    <col min="4353" max="4353" width="7.5" style="1" customWidth="1"/>
    <col min="4354" max="4354" width="7.625" style="1" customWidth="1"/>
    <col min="4355" max="4360" width="3.5" style="1" customWidth="1"/>
    <col min="4361" max="4361" width="8.75" style="1" customWidth="1"/>
    <col min="4362" max="4364" width="34.625" style="1" customWidth="1"/>
    <col min="4365" max="4365" width="7.625" style="1" customWidth="1"/>
    <col min="4366" max="4366" width="7.5" style="1" customWidth="1"/>
    <col min="4367" max="4608" width="8.875" style="1"/>
    <col min="4609" max="4609" width="7.5" style="1" customWidth="1"/>
    <col min="4610" max="4610" width="7.625" style="1" customWidth="1"/>
    <col min="4611" max="4616" width="3.5" style="1" customWidth="1"/>
    <col min="4617" max="4617" width="8.75" style="1" customWidth="1"/>
    <col min="4618" max="4620" width="34.625" style="1" customWidth="1"/>
    <col min="4621" max="4621" width="7.625" style="1" customWidth="1"/>
    <col min="4622" max="4622" width="7.5" style="1" customWidth="1"/>
    <col min="4623" max="4864" width="8.875" style="1"/>
    <col min="4865" max="4865" width="7.5" style="1" customWidth="1"/>
    <col min="4866" max="4866" width="7.625" style="1" customWidth="1"/>
    <col min="4867" max="4872" width="3.5" style="1" customWidth="1"/>
    <col min="4873" max="4873" width="8.75" style="1" customWidth="1"/>
    <col min="4874" max="4876" width="34.625" style="1" customWidth="1"/>
    <col min="4877" max="4877" width="7.625" style="1" customWidth="1"/>
    <col min="4878" max="4878" width="7.5" style="1" customWidth="1"/>
    <col min="4879" max="5120" width="8.875" style="1"/>
    <col min="5121" max="5121" width="7.5" style="1" customWidth="1"/>
    <col min="5122" max="5122" width="7.625" style="1" customWidth="1"/>
    <col min="5123" max="5128" width="3.5" style="1" customWidth="1"/>
    <col min="5129" max="5129" width="8.75" style="1" customWidth="1"/>
    <col min="5130" max="5132" width="34.625" style="1" customWidth="1"/>
    <col min="5133" max="5133" width="7.625" style="1" customWidth="1"/>
    <col min="5134" max="5134" width="7.5" style="1" customWidth="1"/>
    <col min="5135" max="5376" width="8.875" style="1"/>
    <col min="5377" max="5377" width="7.5" style="1" customWidth="1"/>
    <col min="5378" max="5378" width="7.625" style="1" customWidth="1"/>
    <col min="5379" max="5384" width="3.5" style="1" customWidth="1"/>
    <col min="5385" max="5385" width="8.75" style="1" customWidth="1"/>
    <col min="5386" max="5388" width="34.625" style="1" customWidth="1"/>
    <col min="5389" max="5389" width="7.625" style="1" customWidth="1"/>
    <col min="5390" max="5390" width="7.5" style="1" customWidth="1"/>
    <col min="5391" max="5632" width="8.875" style="1"/>
    <col min="5633" max="5633" width="7.5" style="1" customWidth="1"/>
    <col min="5634" max="5634" width="7.625" style="1" customWidth="1"/>
    <col min="5635" max="5640" width="3.5" style="1" customWidth="1"/>
    <col min="5641" max="5641" width="8.75" style="1" customWidth="1"/>
    <col min="5642" max="5644" width="34.625" style="1" customWidth="1"/>
    <col min="5645" max="5645" width="7.625" style="1" customWidth="1"/>
    <col min="5646" max="5646" width="7.5" style="1" customWidth="1"/>
    <col min="5647" max="5888" width="8.875" style="1"/>
    <col min="5889" max="5889" width="7.5" style="1" customWidth="1"/>
    <col min="5890" max="5890" width="7.625" style="1" customWidth="1"/>
    <col min="5891" max="5896" width="3.5" style="1" customWidth="1"/>
    <col min="5897" max="5897" width="8.75" style="1" customWidth="1"/>
    <col min="5898" max="5900" width="34.625" style="1" customWidth="1"/>
    <col min="5901" max="5901" width="7.625" style="1" customWidth="1"/>
    <col min="5902" max="5902" width="7.5" style="1" customWidth="1"/>
    <col min="5903" max="6144" width="8.875" style="1"/>
    <col min="6145" max="6145" width="7.5" style="1" customWidth="1"/>
    <col min="6146" max="6146" width="7.625" style="1" customWidth="1"/>
    <col min="6147" max="6152" width="3.5" style="1" customWidth="1"/>
    <col min="6153" max="6153" width="8.75" style="1" customWidth="1"/>
    <col min="6154" max="6156" width="34.625" style="1" customWidth="1"/>
    <col min="6157" max="6157" width="7.625" style="1" customWidth="1"/>
    <col min="6158" max="6158" width="7.5" style="1" customWidth="1"/>
    <col min="6159" max="6400" width="8.875" style="1"/>
    <col min="6401" max="6401" width="7.5" style="1" customWidth="1"/>
    <col min="6402" max="6402" width="7.625" style="1" customWidth="1"/>
    <col min="6403" max="6408" width="3.5" style="1" customWidth="1"/>
    <col min="6409" max="6409" width="8.75" style="1" customWidth="1"/>
    <col min="6410" max="6412" width="34.625" style="1" customWidth="1"/>
    <col min="6413" max="6413" width="7.625" style="1" customWidth="1"/>
    <col min="6414" max="6414" width="7.5" style="1" customWidth="1"/>
    <col min="6415" max="6656" width="8.875" style="1"/>
    <col min="6657" max="6657" width="7.5" style="1" customWidth="1"/>
    <col min="6658" max="6658" width="7.625" style="1" customWidth="1"/>
    <col min="6659" max="6664" width="3.5" style="1" customWidth="1"/>
    <col min="6665" max="6665" width="8.75" style="1" customWidth="1"/>
    <col min="6666" max="6668" width="34.625" style="1" customWidth="1"/>
    <col min="6669" max="6669" width="7.625" style="1" customWidth="1"/>
    <col min="6670" max="6670" width="7.5" style="1" customWidth="1"/>
    <col min="6671" max="6912" width="8.875" style="1"/>
    <col min="6913" max="6913" width="7.5" style="1" customWidth="1"/>
    <col min="6914" max="6914" width="7.625" style="1" customWidth="1"/>
    <col min="6915" max="6920" width="3.5" style="1" customWidth="1"/>
    <col min="6921" max="6921" width="8.75" style="1" customWidth="1"/>
    <col min="6922" max="6924" width="34.625" style="1" customWidth="1"/>
    <col min="6925" max="6925" width="7.625" style="1" customWidth="1"/>
    <col min="6926" max="6926" width="7.5" style="1" customWidth="1"/>
    <col min="6927" max="7168" width="8.875" style="1"/>
    <col min="7169" max="7169" width="7.5" style="1" customWidth="1"/>
    <col min="7170" max="7170" width="7.625" style="1" customWidth="1"/>
    <col min="7171" max="7176" width="3.5" style="1" customWidth="1"/>
    <col min="7177" max="7177" width="8.75" style="1" customWidth="1"/>
    <col min="7178" max="7180" width="34.625" style="1" customWidth="1"/>
    <col min="7181" max="7181" width="7.625" style="1" customWidth="1"/>
    <col min="7182" max="7182" width="7.5" style="1" customWidth="1"/>
    <col min="7183" max="7424" width="8.875" style="1"/>
    <col min="7425" max="7425" width="7.5" style="1" customWidth="1"/>
    <col min="7426" max="7426" width="7.625" style="1" customWidth="1"/>
    <col min="7427" max="7432" width="3.5" style="1" customWidth="1"/>
    <col min="7433" max="7433" width="8.75" style="1" customWidth="1"/>
    <col min="7434" max="7436" width="34.625" style="1" customWidth="1"/>
    <col min="7437" max="7437" width="7.625" style="1" customWidth="1"/>
    <col min="7438" max="7438" width="7.5" style="1" customWidth="1"/>
    <col min="7439" max="7680" width="8.875" style="1"/>
    <col min="7681" max="7681" width="7.5" style="1" customWidth="1"/>
    <col min="7682" max="7682" width="7.625" style="1" customWidth="1"/>
    <col min="7683" max="7688" width="3.5" style="1" customWidth="1"/>
    <col min="7689" max="7689" width="8.75" style="1" customWidth="1"/>
    <col min="7690" max="7692" width="34.625" style="1" customWidth="1"/>
    <col min="7693" max="7693" width="7.625" style="1" customWidth="1"/>
    <col min="7694" max="7694" width="7.5" style="1" customWidth="1"/>
    <col min="7695" max="7936" width="8.875" style="1"/>
    <col min="7937" max="7937" width="7.5" style="1" customWidth="1"/>
    <col min="7938" max="7938" width="7.625" style="1" customWidth="1"/>
    <col min="7939" max="7944" width="3.5" style="1" customWidth="1"/>
    <col min="7945" max="7945" width="8.75" style="1" customWidth="1"/>
    <col min="7946" max="7948" width="34.625" style="1" customWidth="1"/>
    <col min="7949" max="7949" width="7.625" style="1" customWidth="1"/>
    <col min="7950" max="7950" width="7.5" style="1" customWidth="1"/>
    <col min="7951" max="8192" width="8.875" style="1"/>
    <col min="8193" max="8193" width="7.5" style="1" customWidth="1"/>
    <col min="8194" max="8194" width="7.625" style="1" customWidth="1"/>
    <col min="8195" max="8200" width="3.5" style="1" customWidth="1"/>
    <col min="8201" max="8201" width="8.75" style="1" customWidth="1"/>
    <col min="8202" max="8204" width="34.625" style="1" customWidth="1"/>
    <col min="8205" max="8205" width="7.625" style="1" customWidth="1"/>
    <col min="8206" max="8206" width="7.5" style="1" customWidth="1"/>
    <col min="8207" max="8448" width="8.875" style="1"/>
    <col min="8449" max="8449" width="7.5" style="1" customWidth="1"/>
    <col min="8450" max="8450" width="7.625" style="1" customWidth="1"/>
    <col min="8451" max="8456" width="3.5" style="1" customWidth="1"/>
    <col min="8457" max="8457" width="8.75" style="1" customWidth="1"/>
    <col min="8458" max="8460" width="34.625" style="1" customWidth="1"/>
    <col min="8461" max="8461" width="7.625" style="1" customWidth="1"/>
    <col min="8462" max="8462" width="7.5" style="1" customWidth="1"/>
    <col min="8463" max="8704" width="8.875" style="1"/>
    <col min="8705" max="8705" width="7.5" style="1" customWidth="1"/>
    <col min="8706" max="8706" width="7.625" style="1" customWidth="1"/>
    <col min="8707" max="8712" width="3.5" style="1" customWidth="1"/>
    <col min="8713" max="8713" width="8.75" style="1" customWidth="1"/>
    <col min="8714" max="8716" width="34.625" style="1" customWidth="1"/>
    <col min="8717" max="8717" width="7.625" style="1" customWidth="1"/>
    <col min="8718" max="8718" width="7.5" style="1" customWidth="1"/>
    <col min="8719" max="8960" width="8.875" style="1"/>
    <col min="8961" max="8961" width="7.5" style="1" customWidth="1"/>
    <col min="8962" max="8962" width="7.625" style="1" customWidth="1"/>
    <col min="8963" max="8968" width="3.5" style="1" customWidth="1"/>
    <col min="8969" max="8969" width="8.75" style="1" customWidth="1"/>
    <col min="8970" max="8972" width="34.625" style="1" customWidth="1"/>
    <col min="8973" max="8973" width="7.625" style="1" customWidth="1"/>
    <col min="8974" max="8974" width="7.5" style="1" customWidth="1"/>
    <col min="8975" max="9216" width="8.875" style="1"/>
    <col min="9217" max="9217" width="7.5" style="1" customWidth="1"/>
    <col min="9218" max="9218" width="7.625" style="1" customWidth="1"/>
    <col min="9219" max="9224" width="3.5" style="1" customWidth="1"/>
    <col min="9225" max="9225" width="8.75" style="1" customWidth="1"/>
    <col min="9226" max="9228" width="34.625" style="1" customWidth="1"/>
    <col min="9229" max="9229" width="7.625" style="1" customWidth="1"/>
    <col min="9230" max="9230" width="7.5" style="1" customWidth="1"/>
    <col min="9231" max="9472" width="8.875" style="1"/>
    <col min="9473" max="9473" width="7.5" style="1" customWidth="1"/>
    <col min="9474" max="9474" width="7.625" style="1" customWidth="1"/>
    <col min="9475" max="9480" width="3.5" style="1" customWidth="1"/>
    <col min="9481" max="9481" width="8.75" style="1" customWidth="1"/>
    <col min="9482" max="9484" width="34.625" style="1" customWidth="1"/>
    <col min="9485" max="9485" width="7.625" style="1" customWidth="1"/>
    <col min="9486" max="9486" width="7.5" style="1" customWidth="1"/>
    <col min="9487" max="9728" width="8.875" style="1"/>
    <col min="9729" max="9729" width="7.5" style="1" customWidth="1"/>
    <col min="9730" max="9730" width="7.625" style="1" customWidth="1"/>
    <col min="9731" max="9736" width="3.5" style="1" customWidth="1"/>
    <col min="9737" max="9737" width="8.75" style="1" customWidth="1"/>
    <col min="9738" max="9740" width="34.625" style="1" customWidth="1"/>
    <col min="9741" max="9741" width="7.625" style="1" customWidth="1"/>
    <col min="9742" max="9742" width="7.5" style="1" customWidth="1"/>
    <col min="9743" max="9984" width="8.875" style="1"/>
    <col min="9985" max="9985" width="7.5" style="1" customWidth="1"/>
    <col min="9986" max="9986" width="7.625" style="1" customWidth="1"/>
    <col min="9987" max="9992" width="3.5" style="1" customWidth="1"/>
    <col min="9993" max="9993" width="8.75" style="1" customWidth="1"/>
    <col min="9994" max="9996" width="34.625" style="1" customWidth="1"/>
    <col min="9997" max="9997" width="7.625" style="1" customWidth="1"/>
    <col min="9998" max="9998" width="7.5" style="1" customWidth="1"/>
    <col min="9999" max="10240" width="8.875" style="1"/>
    <col min="10241" max="10241" width="7.5" style="1" customWidth="1"/>
    <col min="10242" max="10242" width="7.625" style="1" customWidth="1"/>
    <col min="10243" max="10248" width="3.5" style="1" customWidth="1"/>
    <col min="10249" max="10249" width="8.75" style="1" customWidth="1"/>
    <col min="10250" max="10252" width="34.625" style="1" customWidth="1"/>
    <col min="10253" max="10253" width="7.625" style="1" customWidth="1"/>
    <col min="10254" max="10254" width="7.5" style="1" customWidth="1"/>
    <col min="10255" max="10496" width="8.875" style="1"/>
    <col min="10497" max="10497" width="7.5" style="1" customWidth="1"/>
    <col min="10498" max="10498" width="7.625" style="1" customWidth="1"/>
    <col min="10499" max="10504" width="3.5" style="1" customWidth="1"/>
    <col min="10505" max="10505" width="8.75" style="1" customWidth="1"/>
    <col min="10506" max="10508" width="34.625" style="1" customWidth="1"/>
    <col min="10509" max="10509" width="7.625" style="1" customWidth="1"/>
    <col min="10510" max="10510" width="7.5" style="1" customWidth="1"/>
    <col min="10511" max="10752" width="8.875" style="1"/>
    <col min="10753" max="10753" width="7.5" style="1" customWidth="1"/>
    <col min="10754" max="10754" width="7.625" style="1" customWidth="1"/>
    <col min="10755" max="10760" width="3.5" style="1" customWidth="1"/>
    <col min="10761" max="10761" width="8.75" style="1" customWidth="1"/>
    <col min="10762" max="10764" width="34.625" style="1" customWidth="1"/>
    <col min="10765" max="10765" width="7.625" style="1" customWidth="1"/>
    <col min="10766" max="10766" width="7.5" style="1" customWidth="1"/>
    <col min="10767" max="11008" width="8.875" style="1"/>
    <col min="11009" max="11009" width="7.5" style="1" customWidth="1"/>
    <col min="11010" max="11010" width="7.625" style="1" customWidth="1"/>
    <col min="11011" max="11016" width="3.5" style="1" customWidth="1"/>
    <col min="11017" max="11017" width="8.75" style="1" customWidth="1"/>
    <col min="11018" max="11020" width="34.625" style="1" customWidth="1"/>
    <col min="11021" max="11021" width="7.625" style="1" customWidth="1"/>
    <col min="11022" max="11022" width="7.5" style="1" customWidth="1"/>
    <col min="11023" max="11264" width="8.875" style="1"/>
    <col min="11265" max="11265" width="7.5" style="1" customWidth="1"/>
    <col min="11266" max="11266" width="7.625" style="1" customWidth="1"/>
    <col min="11267" max="11272" width="3.5" style="1" customWidth="1"/>
    <col min="11273" max="11273" width="8.75" style="1" customWidth="1"/>
    <col min="11274" max="11276" width="34.625" style="1" customWidth="1"/>
    <col min="11277" max="11277" width="7.625" style="1" customWidth="1"/>
    <col min="11278" max="11278" width="7.5" style="1" customWidth="1"/>
    <col min="11279" max="11520" width="8.875" style="1"/>
    <col min="11521" max="11521" width="7.5" style="1" customWidth="1"/>
    <col min="11522" max="11522" width="7.625" style="1" customWidth="1"/>
    <col min="11523" max="11528" width="3.5" style="1" customWidth="1"/>
    <col min="11529" max="11529" width="8.75" style="1" customWidth="1"/>
    <col min="11530" max="11532" width="34.625" style="1" customWidth="1"/>
    <col min="11533" max="11533" width="7.625" style="1" customWidth="1"/>
    <col min="11534" max="11534" width="7.5" style="1" customWidth="1"/>
    <col min="11535" max="11776" width="8.875" style="1"/>
    <col min="11777" max="11777" width="7.5" style="1" customWidth="1"/>
    <col min="11778" max="11778" width="7.625" style="1" customWidth="1"/>
    <col min="11779" max="11784" width="3.5" style="1" customWidth="1"/>
    <col min="11785" max="11785" width="8.75" style="1" customWidth="1"/>
    <col min="11786" max="11788" width="34.625" style="1" customWidth="1"/>
    <col min="11789" max="11789" width="7.625" style="1" customWidth="1"/>
    <col min="11790" max="11790" width="7.5" style="1" customWidth="1"/>
    <col min="11791" max="12032" width="8.875" style="1"/>
    <col min="12033" max="12033" width="7.5" style="1" customWidth="1"/>
    <col min="12034" max="12034" width="7.625" style="1" customWidth="1"/>
    <col min="12035" max="12040" width="3.5" style="1" customWidth="1"/>
    <col min="12041" max="12041" width="8.75" style="1" customWidth="1"/>
    <col min="12042" max="12044" width="34.625" style="1" customWidth="1"/>
    <col min="12045" max="12045" width="7.625" style="1" customWidth="1"/>
    <col min="12046" max="12046" width="7.5" style="1" customWidth="1"/>
    <col min="12047" max="12288" width="8.875" style="1"/>
    <col min="12289" max="12289" width="7.5" style="1" customWidth="1"/>
    <col min="12290" max="12290" width="7.625" style="1" customWidth="1"/>
    <col min="12291" max="12296" width="3.5" style="1" customWidth="1"/>
    <col min="12297" max="12297" width="8.75" style="1" customWidth="1"/>
    <col min="12298" max="12300" width="34.625" style="1" customWidth="1"/>
    <col min="12301" max="12301" width="7.625" style="1" customWidth="1"/>
    <col min="12302" max="12302" width="7.5" style="1" customWidth="1"/>
    <col min="12303" max="12544" width="8.875" style="1"/>
    <col min="12545" max="12545" width="7.5" style="1" customWidth="1"/>
    <col min="12546" max="12546" width="7.625" style="1" customWidth="1"/>
    <col min="12547" max="12552" width="3.5" style="1" customWidth="1"/>
    <col min="12553" max="12553" width="8.75" style="1" customWidth="1"/>
    <col min="12554" max="12556" width="34.625" style="1" customWidth="1"/>
    <col min="12557" max="12557" width="7.625" style="1" customWidth="1"/>
    <col min="12558" max="12558" width="7.5" style="1" customWidth="1"/>
    <col min="12559" max="12800" width="8.875" style="1"/>
    <col min="12801" max="12801" width="7.5" style="1" customWidth="1"/>
    <col min="12802" max="12802" width="7.625" style="1" customWidth="1"/>
    <col min="12803" max="12808" width="3.5" style="1" customWidth="1"/>
    <col min="12809" max="12809" width="8.75" style="1" customWidth="1"/>
    <col min="12810" max="12812" width="34.625" style="1" customWidth="1"/>
    <col min="12813" max="12813" width="7.625" style="1" customWidth="1"/>
    <col min="12814" max="12814" width="7.5" style="1" customWidth="1"/>
    <col min="12815" max="13056" width="8.875" style="1"/>
    <col min="13057" max="13057" width="7.5" style="1" customWidth="1"/>
    <col min="13058" max="13058" width="7.625" style="1" customWidth="1"/>
    <col min="13059" max="13064" width="3.5" style="1" customWidth="1"/>
    <col min="13065" max="13065" width="8.75" style="1" customWidth="1"/>
    <col min="13066" max="13068" width="34.625" style="1" customWidth="1"/>
    <col min="13069" max="13069" width="7.625" style="1" customWidth="1"/>
    <col min="13070" max="13070" width="7.5" style="1" customWidth="1"/>
    <col min="13071" max="13312" width="8.875" style="1"/>
    <col min="13313" max="13313" width="7.5" style="1" customWidth="1"/>
    <col min="13314" max="13314" width="7.625" style="1" customWidth="1"/>
    <col min="13315" max="13320" width="3.5" style="1" customWidth="1"/>
    <col min="13321" max="13321" width="8.75" style="1" customWidth="1"/>
    <col min="13322" max="13324" width="34.625" style="1" customWidth="1"/>
    <col min="13325" max="13325" width="7.625" style="1" customWidth="1"/>
    <col min="13326" max="13326" width="7.5" style="1" customWidth="1"/>
    <col min="13327" max="13568" width="8.875" style="1"/>
    <col min="13569" max="13569" width="7.5" style="1" customWidth="1"/>
    <col min="13570" max="13570" width="7.625" style="1" customWidth="1"/>
    <col min="13571" max="13576" width="3.5" style="1" customWidth="1"/>
    <col min="13577" max="13577" width="8.75" style="1" customWidth="1"/>
    <col min="13578" max="13580" width="34.625" style="1" customWidth="1"/>
    <col min="13581" max="13581" width="7.625" style="1" customWidth="1"/>
    <col min="13582" max="13582" width="7.5" style="1" customWidth="1"/>
    <col min="13583" max="13824" width="8.875" style="1"/>
    <col min="13825" max="13825" width="7.5" style="1" customWidth="1"/>
    <col min="13826" max="13826" width="7.625" style="1" customWidth="1"/>
    <col min="13827" max="13832" width="3.5" style="1" customWidth="1"/>
    <col min="13833" max="13833" width="8.75" style="1" customWidth="1"/>
    <col min="13834" max="13836" width="34.625" style="1" customWidth="1"/>
    <col min="13837" max="13837" width="7.625" style="1" customWidth="1"/>
    <col min="13838" max="13838" width="7.5" style="1" customWidth="1"/>
    <col min="13839" max="14080" width="8.875" style="1"/>
    <col min="14081" max="14081" width="7.5" style="1" customWidth="1"/>
    <col min="14082" max="14082" width="7.625" style="1" customWidth="1"/>
    <col min="14083" max="14088" width="3.5" style="1" customWidth="1"/>
    <col min="14089" max="14089" width="8.75" style="1" customWidth="1"/>
    <col min="14090" max="14092" width="34.625" style="1" customWidth="1"/>
    <col min="14093" max="14093" width="7.625" style="1" customWidth="1"/>
    <col min="14094" max="14094" width="7.5" style="1" customWidth="1"/>
    <col min="14095" max="14336" width="8.875" style="1"/>
    <col min="14337" max="14337" width="7.5" style="1" customWidth="1"/>
    <col min="14338" max="14338" width="7.625" style="1" customWidth="1"/>
    <col min="14339" max="14344" width="3.5" style="1" customWidth="1"/>
    <col min="14345" max="14345" width="8.75" style="1" customWidth="1"/>
    <col min="14346" max="14348" width="34.625" style="1" customWidth="1"/>
    <col min="14349" max="14349" width="7.625" style="1" customWidth="1"/>
    <col min="14350" max="14350" width="7.5" style="1" customWidth="1"/>
    <col min="14351" max="14592" width="8.875" style="1"/>
    <col min="14593" max="14593" width="7.5" style="1" customWidth="1"/>
    <col min="14594" max="14594" width="7.625" style="1" customWidth="1"/>
    <col min="14595" max="14600" width="3.5" style="1" customWidth="1"/>
    <col min="14601" max="14601" width="8.75" style="1" customWidth="1"/>
    <col min="14602" max="14604" width="34.625" style="1" customWidth="1"/>
    <col min="14605" max="14605" width="7.625" style="1" customWidth="1"/>
    <col min="14606" max="14606" width="7.5" style="1" customWidth="1"/>
    <col min="14607" max="14848" width="8.875" style="1"/>
    <col min="14849" max="14849" width="7.5" style="1" customWidth="1"/>
    <col min="14850" max="14850" width="7.625" style="1" customWidth="1"/>
    <col min="14851" max="14856" width="3.5" style="1" customWidth="1"/>
    <col min="14857" max="14857" width="8.75" style="1" customWidth="1"/>
    <col min="14858" max="14860" width="34.625" style="1" customWidth="1"/>
    <col min="14861" max="14861" width="7.625" style="1" customWidth="1"/>
    <col min="14862" max="14862" width="7.5" style="1" customWidth="1"/>
    <col min="14863" max="15104" width="8.875" style="1"/>
    <col min="15105" max="15105" width="7.5" style="1" customWidth="1"/>
    <col min="15106" max="15106" width="7.625" style="1" customWidth="1"/>
    <col min="15107" max="15112" width="3.5" style="1" customWidth="1"/>
    <col min="15113" max="15113" width="8.75" style="1" customWidth="1"/>
    <col min="15114" max="15116" width="34.625" style="1" customWidth="1"/>
    <col min="15117" max="15117" width="7.625" style="1" customWidth="1"/>
    <col min="15118" max="15118" width="7.5" style="1" customWidth="1"/>
    <col min="15119" max="15360" width="8.875" style="1"/>
    <col min="15361" max="15361" width="7.5" style="1" customWidth="1"/>
    <col min="15362" max="15362" width="7.625" style="1" customWidth="1"/>
    <col min="15363" max="15368" width="3.5" style="1" customWidth="1"/>
    <col min="15369" max="15369" width="8.75" style="1" customWidth="1"/>
    <col min="15370" max="15372" width="34.625" style="1" customWidth="1"/>
    <col min="15373" max="15373" width="7.625" style="1" customWidth="1"/>
    <col min="15374" max="15374" width="7.5" style="1" customWidth="1"/>
    <col min="15375" max="15616" width="8.875" style="1"/>
    <col min="15617" max="15617" width="7.5" style="1" customWidth="1"/>
    <col min="15618" max="15618" width="7.625" style="1" customWidth="1"/>
    <col min="15619" max="15624" width="3.5" style="1" customWidth="1"/>
    <col min="15625" max="15625" width="8.75" style="1" customWidth="1"/>
    <col min="15626" max="15628" width="34.625" style="1" customWidth="1"/>
    <col min="15629" max="15629" width="7.625" style="1" customWidth="1"/>
    <col min="15630" max="15630" width="7.5" style="1" customWidth="1"/>
    <col min="15631" max="15872" width="8.875" style="1"/>
    <col min="15873" max="15873" width="7.5" style="1" customWidth="1"/>
    <col min="15874" max="15874" width="7.625" style="1" customWidth="1"/>
    <col min="15875" max="15880" width="3.5" style="1" customWidth="1"/>
    <col min="15881" max="15881" width="8.75" style="1" customWidth="1"/>
    <col min="15882" max="15884" width="34.625" style="1" customWidth="1"/>
    <col min="15885" max="15885" width="7.625" style="1" customWidth="1"/>
    <col min="15886" max="15886" width="7.5" style="1" customWidth="1"/>
    <col min="15887" max="16128" width="8.875" style="1"/>
    <col min="16129" max="16129" width="7.5" style="1" customWidth="1"/>
    <col min="16130" max="16130" width="7.625" style="1" customWidth="1"/>
    <col min="16131" max="16136" width="3.5" style="1" customWidth="1"/>
    <col min="16137" max="16137" width="8.75" style="1" customWidth="1"/>
    <col min="16138" max="16140" width="34.625" style="1" customWidth="1"/>
    <col min="16141" max="16141" width="7.625" style="1" customWidth="1"/>
    <col min="16142" max="16142" width="7.5" style="1" customWidth="1"/>
    <col min="16143" max="16384" width="8.875" style="1"/>
  </cols>
  <sheetData>
    <row r="1" spans="1:14" ht="22.5" customHeight="1" x14ac:dyDescent="0.4">
      <c r="B1" s="76" t="s">
        <v>5</v>
      </c>
      <c r="C1" s="1"/>
    </row>
    <row r="2" spans="1:14" ht="22.5" customHeight="1" x14ac:dyDescent="0.4">
      <c r="B2" s="76" t="s">
        <v>6</v>
      </c>
      <c r="C2" s="1"/>
    </row>
    <row r="3" spans="1:14" ht="22.5" customHeight="1" x14ac:dyDescent="0.4">
      <c r="B3" s="76" t="s">
        <v>7</v>
      </c>
      <c r="C3" s="1"/>
    </row>
    <row r="4" spans="1:14" ht="22.5" customHeight="1" x14ac:dyDescent="0.4">
      <c r="A4" s="77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  <c r="M4" s="78"/>
      <c r="N4" s="79"/>
    </row>
    <row r="5" spans="1:14" ht="22.5" customHeight="1" x14ac:dyDescent="0.4">
      <c r="A5" s="80"/>
      <c r="C5" s="81"/>
      <c r="D5" s="82"/>
      <c r="E5" s="82"/>
      <c r="F5" s="82"/>
      <c r="G5" s="82"/>
      <c r="H5" s="82"/>
      <c r="I5" s="82"/>
      <c r="J5" s="82"/>
      <c r="K5" s="82"/>
      <c r="L5" s="82"/>
      <c r="N5" s="83"/>
    </row>
    <row r="6" spans="1:14" ht="28.5" x14ac:dyDescent="0.4">
      <c r="A6" s="80"/>
      <c r="B6" s="132" t="s">
        <v>131</v>
      </c>
      <c r="C6" s="133"/>
      <c r="D6" s="133"/>
      <c r="E6" s="133"/>
      <c r="F6" s="133"/>
      <c r="G6" s="133"/>
      <c r="H6" s="133"/>
      <c r="I6" s="133"/>
      <c r="J6" s="133"/>
      <c r="K6" s="133"/>
      <c r="L6" s="133"/>
      <c r="M6" s="133"/>
      <c r="N6" s="83"/>
    </row>
    <row r="7" spans="1:14" ht="22.5" customHeight="1" x14ac:dyDescent="0.4">
      <c r="A7" s="80"/>
      <c r="B7" s="134" t="s">
        <v>79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83"/>
    </row>
    <row r="8" spans="1:14" ht="22.5" customHeight="1" x14ac:dyDescent="0.4">
      <c r="A8" s="33"/>
      <c r="B8" s="34"/>
      <c r="C8" s="130"/>
      <c r="D8" s="130"/>
      <c r="E8" s="130"/>
      <c r="F8" s="131" t="s">
        <v>10</v>
      </c>
      <c r="G8" s="130"/>
      <c r="H8" s="130"/>
      <c r="I8" s="84"/>
      <c r="J8" s="34"/>
      <c r="K8" s="34"/>
      <c r="L8" s="34"/>
      <c r="M8" s="34"/>
      <c r="N8" s="36"/>
    </row>
    <row r="9" spans="1:14" ht="22.5" customHeight="1" x14ac:dyDescent="0.4">
      <c r="A9" s="33"/>
      <c r="B9" s="34"/>
      <c r="C9" s="34"/>
      <c r="D9" s="34"/>
      <c r="E9" s="34"/>
      <c r="F9" s="34"/>
      <c r="G9" s="34"/>
      <c r="H9" s="34"/>
      <c r="I9" s="34"/>
      <c r="J9" s="34"/>
      <c r="K9" s="34"/>
      <c r="L9" s="34"/>
      <c r="M9" s="34"/>
      <c r="N9" s="36"/>
    </row>
    <row r="10" spans="1:14" ht="22.5" customHeight="1" x14ac:dyDescent="0.4">
      <c r="A10" s="33"/>
      <c r="B10" s="34"/>
      <c r="C10" s="128"/>
      <c r="D10" s="128"/>
      <c r="E10" s="128"/>
      <c r="F10" s="34"/>
      <c r="G10" s="85"/>
      <c r="H10" s="34"/>
      <c r="I10" s="34"/>
      <c r="J10" s="34"/>
      <c r="K10" s="34"/>
      <c r="L10" s="24" t="s">
        <v>11</v>
      </c>
      <c r="M10" s="34"/>
      <c r="N10" s="36"/>
    </row>
    <row r="11" spans="1:14" ht="22.5" customHeight="1" x14ac:dyDescent="0.4">
      <c r="A11" s="33"/>
      <c r="B11" s="34"/>
      <c r="C11" s="129" t="s">
        <v>132</v>
      </c>
      <c r="D11" s="129"/>
      <c r="E11" s="129"/>
      <c r="F11" s="129"/>
      <c r="G11" s="129"/>
      <c r="H11" s="129"/>
      <c r="I11" s="129"/>
      <c r="J11" s="86" t="s">
        <v>133</v>
      </c>
      <c r="K11" s="86" t="s">
        <v>134</v>
      </c>
      <c r="L11" s="86" t="s">
        <v>135</v>
      </c>
      <c r="M11" s="34"/>
      <c r="N11" s="36"/>
    </row>
    <row r="12" spans="1:14" ht="22.5" customHeight="1" x14ac:dyDescent="0.4">
      <c r="A12" s="33"/>
      <c r="B12" s="34"/>
      <c r="C12" s="129" t="s">
        <v>136</v>
      </c>
      <c r="D12" s="129"/>
      <c r="E12" s="129"/>
      <c r="F12" s="129"/>
      <c r="G12" s="129"/>
      <c r="H12" s="129"/>
      <c r="I12" s="129"/>
      <c r="J12" s="87">
        <v>0</v>
      </c>
      <c r="K12" s="87">
        <v>0</v>
      </c>
      <c r="L12" s="87">
        <v>0</v>
      </c>
      <c r="M12" s="34"/>
      <c r="N12" s="36"/>
    </row>
    <row r="13" spans="1:14" ht="22.5" customHeight="1" x14ac:dyDescent="0.4">
      <c r="A13" s="33"/>
      <c r="B13" s="34"/>
      <c r="C13" s="129" t="s">
        <v>137</v>
      </c>
      <c r="D13" s="129"/>
      <c r="E13" s="129"/>
      <c r="F13" s="129"/>
      <c r="G13" s="129"/>
      <c r="H13" s="129"/>
      <c r="I13" s="129"/>
      <c r="J13" s="87">
        <v>0</v>
      </c>
      <c r="K13" s="87">
        <v>0</v>
      </c>
      <c r="L13" s="87">
        <v>0</v>
      </c>
      <c r="M13" s="34"/>
      <c r="N13" s="36"/>
    </row>
    <row r="14" spans="1:14" ht="22.5" customHeight="1" x14ac:dyDescent="0.4">
      <c r="A14" s="33"/>
      <c r="B14" s="34"/>
      <c r="C14" s="129" t="s">
        <v>138</v>
      </c>
      <c r="D14" s="129"/>
      <c r="E14" s="129"/>
      <c r="F14" s="129"/>
      <c r="G14" s="129"/>
      <c r="H14" s="129"/>
      <c r="I14" s="129"/>
      <c r="J14" s="87">
        <v>0</v>
      </c>
      <c r="K14" s="87">
        <v>0</v>
      </c>
      <c r="L14" s="87">
        <v>0</v>
      </c>
      <c r="M14" s="34"/>
      <c r="N14" s="36"/>
    </row>
    <row r="15" spans="1:14" ht="18.75" x14ac:dyDescent="0.4">
      <c r="A15" s="33"/>
      <c r="B15" s="34"/>
      <c r="C15" s="34"/>
      <c r="D15" s="34"/>
      <c r="E15" s="34"/>
      <c r="F15" s="34"/>
      <c r="G15" s="34"/>
      <c r="H15" s="34"/>
      <c r="I15" s="34"/>
      <c r="J15" s="34"/>
      <c r="K15" s="34"/>
      <c r="L15" s="34"/>
      <c r="M15" s="34"/>
      <c r="N15" s="36"/>
    </row>
    <row r="16" spans="1:14" ht="22.5" customHeight="1" x14ac:dyDescent="0.4">
      <c r="A16" s="33"/>
      <c r="B16" s="34"/>
      <c r="C16" s="34"/>
      <c r="D16" s="34"/>
      <c r="E16" s="34"/>
      <c r="F16" s="34"/>
      <c r="G16" s="34"/>
      <c r="H16" s="34"/>
      <c r="I16" s="34"/>
      <c r="J16" s="34"/>
      <c r="K16" s="34"/>
      <c r="L16" s="34"/>
      <c r="M16" s="34"/>
      <c r="N16" s="36"/>
    </row>
    <row r="17" spans="1:14" ht="22.5" customHeight="1" x14ac:dyDescent="0.4">
      <c r="A17" s="33"/>
      <c r="B17" s="34"/>
      <c r="C17" s="34"/>
      <c r="D17" s="34"/>
      <c r="E17" s="34"/>
      <c r="F17" s="34"/>
      <c r="G17" s="34"/>
      <c r="H17" s="34"/>
      <c r="I17" s="34"/>
      <c r="J17" s="34"/>
      <c r="K17" s="34"/>
      <c r="L17" s="34"/>
      <c r="M17" s="34"/>
      <c r="N17" s="36"/>
    </row>
    <row r="18" spans="1:14" ht="22.5" customHeight="1" x14ac:dyDescent="0.4">
      <c r="A18" s="33"/>
      <c r="B18" s="34"/>
      <c r="C18" s="34"/>
      <c r="D18" s="34"/>
      <c r="E18" s="34"/>
      <c r="F18" s="34"/>
      <c r="G18" s="34"/>
      <c r="H18" s="34"/>
      <c r="I18" s="34"/>
      <c r="J18" s="34"/>
      <c r="K18" s="34"/>
      <c r="L18" s="34"/>
      <c r="M18" s="34"/>
      <c r="N18" s="36"/>
    </row>
    <row r="19" spans="1:14" ht="22.5" customHeight="1" x14ac:dyDescent="0.4">
      <c r="A19" s="33"/>
      <c r="B19" s="34"/>
      <c r="C19" s="34"/>
      <c r="D19" s="34"/>
      <c r="E19" s="34"/>
      <c r="F19" s="34"/>
      <c r="G19" s="34"/>
      <c r="H19" s="34"/>
      <c r="I19" s="34"/>
      <c r="J19" s="34"/>
      <c r="K19" s="34"/>
      <c r="L19" s="34"/>
      <c r="M19" s="34"/>
      <c r="N19" s="36"/>
    </row>
    <row r="20" spans="1:14" ht="50.1" customHeight="1" x14ac:dyDescent="0.4">
      <c r="A20" s="33"/>
      <c r="B20" s="34"/>
      <c r="C20" s="34"/>
      <c r="D20" s="34"/>
      <c r="E20" s="34"/>
      <c r="F20" s="34"/>
      <c r="G20" s="34"/>
      <c r="H20" s="34"/>
      <c r="I20" s="34"/>
      <c r="J20" s="34"/>
      <c r="K20" s="34"/>
      <c r="L20" s="34"/>
      <c r="M20" s="34"/>
      <c r="N20" s="36"/>
    </row>
    <row r="21" spans="1:14" ht="50.1" customHeight="1" x14ac:dyDescent="0.4">
      <c r="A21" s="80"/>
      <c r="N21" s="83"/>
    </row>
    <row r="22" spans="1:14" ht="50.1" customHeight="1" x14ac:dyDescent="0.4">
      <c r="A22" s="80"/>
      <c r="N22" s="83"/>
    </row>
    <row r="23" spans="1:14" ht="50.1" customHeight="1" x14ac:dyDescent="0.4">
      <c r="A23" s="80"/>
      <c r="N23" s="83"/>
    </row>
    <row r="24" spans="1:14" ht="22.5" customHeight="1" x14ac:dyDescent="0.4">
      <c r="A24" s="80"/>
      <c r="N24" s="83"/>
    </row>
    <row r="25" spans="1:14" ht="22.5" customHeight="1" x14ac:dyDescent="0.4">
      <c r="A25" s="80"/>
      <c r="N25" s="83"/>
    </row>
    <row r="26" spans="1:14" ht="22.5" customHeight="1" x14ac:dyDescent="0.4">
      <c r="A26" s="80"/>
      <c r="N26" s="83"/>
    </row>
    <row r="27" spans="1:14" ht="22.5" customHeight="1" x14ac:dyDescent="0.4">
      <c r="A27" s="80"/>
      <c r="N27" s="83"/>
    </row>
    <row r="28" spans="1:14" ht="22.5" customHeight="1" x14ac:dyDescent="0.4">
      <c r="A28" s="80"/>
      <c r="N28" s="83"/>
    </row>
    <row r="29" spans="1:14" ht="22.5" customHeight="1" x14ac:dyDescent="0.4">
      <c r="A29" s="80"/>
      <c r="N29" s="83"/>
    </row>
    <row r="30" spans="1:14" ht="22.5" customHeight="1" x14ac:dyDescent="0.4">
      <c r="A30" s="80"/>
      <c r="N30" s="83"/>
    </row>
    <row r="31" spans="1:14" ht="22.5" customHeight="1" x14ac:dyDescent="0.4">
      <c r="A31" s="80"/>
      <c r="N31" s="83"/>
    </row>
    <row r="32" spans="1:14" ht="22.5" customHeight="1" x14ac:dyDescent="0.4">
      <c r="A32" s="80"/>
      <c r="N32" s="83"/>
    </row>
    <row r="33" spans="1:14" ht="22.5" customHeight="1" x14ac:dyDescent="0.4">
      <c r="A33" s="80"/>
      <c r="N33" s="83"/>
    </row>
    <row r="34" spans="1:14" ht="22.5" customHeight="1" x14ac:dyDescent="0.4">
      <c r="A34" s="80"/>
      <c r="N34" s="83"/>
    </row>
    <row r="35" spans="1:14" ht="22.5" customHeight="1" x14ac:dyDescent="0.4">
      <c r="A35" s="80"/>
      <c r="N35" s="83"/>
    </row>
    <row r="36" spans="1:14" ht="22.5" customHeight="1" x14ac:dyDescent="0.4">
      <c r="A36" s="80"/>
      <c r="N36" s="83"/>
    </row>
    <row r="37" spans="1:14" ht="22.5" customHeight="1" x14ac:dyDescent="0.4">
      <c r="A37" s="80"/>
      <c r="N37" s="83"/>
    </row>
    <row r="38" spans="1:14" ht="22.5" customHeight="1" x14ac:dyDescent="0.4">
      <c r="A38" s="80"/>
      <c r="N38" s="83"/>
    </row>
    <row r="39" spans="1:14" ht="22.5" customHeight="1" x14ac:dyDescent="0.4">
      <c r="A39" s="80"/>
      <c r="N39" s="83"/>
    </row>
    <row r="40" spans="1:14" ht="22.5" customHeight="1" x14ac:dyDescent="0.4">
      <c r="A40" s="80"/>
      <c r="N40" s="83"/>
    </row>
    <row r="41" spans="1:14" ht="22.5" customHeight="1" x14ac:dyDescent="0.4">
      <c r="A41" s="80"/>
      <c r="N41" s="83"/>
    </row>
    <row r="42" spans="1:14" ht="22.5" customHeight="1" x14ac:dyDescent="0.4">
      <c r="A42" s="80"/>
      <c r="N42" s="83"/>
    </row>
    <row r="43" spans="1:14" ht="22.5" customHeight="1" x14ac:dyDescent="0.4">
      <c r="A43" s="80"/>
      <c r="N43" s="83"/>
    </row>
    <row r="44" spans="1:14" ht="22.5" customHeight="1" x14ac:dyDescent="0.4">
      <c r="A44" s="80"/>
      <c r="N44" s="83"/>
    </row>
    <row r="45" spans="1:14" ht="22.5" customHeight="1" x14ac:dyDescent="0.4">
      <c r="A45" s="80"/>
      <c r="N45" s="83"/>
    </row>
    <row r="46" spans="1:14" ht="22.5" customHeight="1" x14ac:dyDescent="0.4">
      <c r="A46" s="80"/>
      <c r="N46" s="83"/>
    </row>
    <row r="47" spans="1:14" ht="22.5" customHeight="1" x14ac:dyDescent="0.4">
      <c r="A47" s="80"/>
      <c r="N47" s="83"/>
    </row>
    <row r="48" spans="1:14" ht="22.5" customHeight="1" x14ac:dyDescent="0.4">
      <c r="A48" s="80"/>
      <c r="N48" s="83"/>
    </row>
    <row r="49" spans="1:14" ht="22.5" customHeight="1" x14ac:dyDescent="0.4">
      <c r="A49" s="80"/>
      <c r="N49" s="83"/>
    </row>
    <row r="50" spans="1:14" ht="22.5" customHeight="1" x14ac:dyDescent="0.4">
      <c r="A50" s="80"/>
      <c r="N50" s="83"/>
    </row>
    <row r="51" spans="1:14" ht="22.5" customHeight="1" x14ac:dyDescent="0.4">
      <c r="A51" s="80"/>
      <c r="N51" s="83"/>
    </row>
    <row r="52" spans="1:14" ht="22.5" customHeight="1" x14ac:dyDescent="0.4">
      <c r="A52" s="80"/>
      <c r="N52" s="83"/>
    </row>
    <row r="53" spans="1:14" ht="22.5" customHeight="1" x14ac:dyDescent="0.4">
      <c r="A53" s="80"/>
      <c r="N53" s="83"/>
    </row>
    <row r="54" spans="1:14" ht="22.5" customHeight="1" x14ac:dyDescent="0.4">
      <c r="A54" s="80"/>
      <c r="N54" s="83"/>
    </row>
    <row r="55" spans="1:14" ht="22.5" customHeight="1" x14ac:dyDescent="0.4">
      <c r="A55" s="80"/>
      <c r="N55" s="83"/>
    </row>
    <row r="56" spans="1:14" ht="22.5" customHeight="1" x14ac:dyDescent="0.4">
      <c r="A56" s="80"/>
      <c r="N56" s="83"/>
    </row>
    <row r="57" spans="1:14" ht="22.5" customHeight="1" x14ac:dyDescent="0.4">
      <c r="A57" s="80"/>
      <c r="N57" s="83"/>
    </row>
    <row r="58" spans="1:14" ht="22.5" customHeight="1" x14ac:dyDescent="0.4">
      <c r="A58" s="80"/>
      <c r="N58" s="83"/>
    </row>
    <row r="59" spans="1:14" ht="22.5" customHeight="1" x14ac:dyDescent="0.4">
      <c r="A59" s="88"/>
      <c r="B59" s="89"/>
      <c r="C59" s="89"/>
      <c r="D59" s="89"/>
      <c r="E59" s="89"/>
      <c r="F59" s="89"/>
      <c r="G59" s="89"/>
      <c r="H59" s="89"/>
      <c r="I59" s="89"/>
      <c r="J59" s="89"/>
      <c r="K59" s="89"/>
      <c r="L59" s="89"/>
      <c r="M59" s="89"/>
      <c r="N59" s="90"/>
    </row>
  </sheetData>
  <sheetProtection selectLockedCells="1" selectUnlockedCells="1"/>
  <mergeCells count="9">
    <mergeCell ref="B6:M6"/>
    <mergeCell ref="B7:M7"/>
    <mergeCell ref="C8:E8"/>
    <mergeCell ref="F8:H8"/>
    <mergeCell ref="C10:E10"/>
    <mergeCell ref="C11:I11"/>
    <mergeCell ref="C12:I12"/>
    <mergeCell ref="C13:I13"/>
    <mergeCell ref="C14:I14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1ED18B3-2F77-4722-8FED-244AFC6DCE96}">
  <dimension ref="A1:U194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256" width="8.875" style="1"/>
    <col min="257" max="257" width="3.625" style="1" customWidth="1"/>
    <col min="258" max="263" width="1.875" style="1" customWidth="1"/>
    <col min="264" max="264" width="36.625" style="1" customWidth="1"/>
    <col min="265" max="265" width="33.625" style="1" customWidth="1"/>
    <col min="266" max="266" width="1.125" style="1" customWidth="1"/>
    <col min="267" max="267" width="2.25" style="1" customWidth="1"/>
    <col min="268" max="273" width="1.875" style="1" customWidth="1"/>
    <col min="274" max="274" width="36.625" style="1" customWidth="1"/>
    <col min="275" max="275" width="33.625" style="1" customWidth="1"/>
    <col min="276" max="276" width="1.125" style="1" customWidth="1"/>
    <col min="277" max="277" width="3.625" style="1" customWidth="1"/>
    <col min="278" max="512" width="8.875" style="1"/>
    <col min="513" max="513" width="3.625" style="1" customWidth="1"/>
    <col min="514" max="519" width="1.875" style="1" customWidth="1"/>
    <col min="520" max="520" width="36.625" style="1" customWidth="1"/>
    <col min="521" max="521" width="33.625" style="1" customWidth="1"/>
    <col min="522" max="522" width="1.125" style="1" customWidth="1"/>
    <col min="523" max="523" width="2.25" style="1" customWidth="1"/>
    <col min="524" max="529" width="1.875" style="1" customWidth="1"/>
    <col min="530" max="530" width="36.625" style="1" customWidth="1"/>
    <col min="531" max="531" width="33.625" style="1" customWidth="1"/>
    <col min="532" max="532" width="1.125" style="1" customWidth="1"/>
    <col min="533" max="533" width="3.625" style="1" customWidth="1"/>
    <col min="534" max="768" width="8.875" style="1"/>
    <col min="769" max="769" width="3.625" style="1" customWidth="1"/>
    <col min="770" max="775" width="1.875" style="1" customWidth="1"/>
    <col min="776" max="776" width="36.625" style="1" customWidth="1"/>
    <col min="777" max="777" width="33.625" style="1" customWidth="1"/>
    <col min="778" max="778" width="1.125" style="1" customWidth="1"/>
    <col min="779" max="779" width="2.25" style="1" customWidth="1"/>
    <col min="780" max="785" width="1.875" style="1" customWidth="1"/>
    <col min="786" max="786" width="36.625" style="1" customWidth="1"/>
    <col min="787" max="787" width="33.625" style="1" customWidth="1"/>
    <col min="788" max="788" width="1.125" style="1" customWidth="1"/>
    <col min="789" max="789" width="3.625" style="1" customWidth="1"/>
    <col min="790" max="1024" width="8.875" style="1"/>
    <col min="1025" max="1025" width="3.625" style="1" customWidth="1"/>
    <col min="1026" max="1031" width="1.875" style="1" customWidth="1"/>
    <col min="1032" max="1032" width="36.625" style="1" customWidth="1"/>
    <col min="1033" max="1033" width="33.625" style="1" customWidth="1"/>
    <col min="1034" max="1034" width="1.125" style="1" customWidth="1"/>
    <col min="1035" max="1035" width="2.25" style="1" customWidth="1"/>
    <col min="1036" max="1041" width="1.875" style="1" customWidth="1"/>
    <col min="1042" max="1042" width="36.625" style="1" customWidth="1"/>
    <col min="1043" max="1043" width="33.625" style="1" customWidth="1"/>
    <col min="1044" max="1044" width="1.125" style="1" customWidth="1"/>
    <col min="1045" max="1045" width="3.625" style="1" customWidth="1"/>
    <col min="1046" max="1280" width="8.875" style="1"/>
    <col min="1281" max="1281" width="3.625" style="1" customWidth="1"/>
    <col min="1282" max="1287" width="1.875" style="1" customWidth="1"/>
    <col min="1288" max="1288" width="36.625" style="1" customWidth="1"/>
    <col min="1289" max="1289" width="33.625" style="1" customWidth="1"/>
    <col min="1290" max="1290" width="1.125" style="1" customWidth="1"/>
    <col min="1291" max="1291" width="2.25" style="1" customWidth="1"/>
    <col min="1292" max="1297" width="1.875" style="1" customWidth="1"/>
    <col min="1298" max="1298" width="36.625" style="1" customWidth="1"/>
    <col min="1299" max="1299" width="33.625" style="1" customWidth="1"/>
    <col min="1300" max="1300" width="1.125" style="1" customWidth="1"/>
    <col min="1301" max="1301" width="3.625" style="1" customWidth="1"/>
    <col min="1302" max="1536" width="8.875" style="1"/>
    <col min="1537" max="1537" width="3.625" style="1" customWidth="1"/>
    <col min="1538" max="1543" width="1.875" style="1" customWidth="1"/>
    <col min="1544" max="1544" width="36.625" style="1" customWidth="1"/>
    <col min="1545" max="1545" width="33.625" style="1" customWidth="1"/>
    <col min="1546" max="1546" width="1.125" style="1" customWidth="1"/>
    <col min="1547" max="1547" width="2.25" style="1" customWidth="1"/>
    <col min="1548" max="1553" width="1.875" style="1" customWidth="1"/>
    <col min="1554" max="1554" width="36.625" style="1" customWidth="1"/>
    <col min="1555" max="1555" width="33.625" style="1" customWidth="1"/>
    <col min="1556" max="1556" width="1.125" style="1" customWidth="1"/>
    <col min="1557" max="1557" width="3.625" style="1" customWidth="1"/>
    <col min="1558" max="1792" width="8.875" style="1"/>
    <col min="1793" max="1793" width="3.625" style="1" customWidth="1"/>
    <col min="1794" max="1799" width="1.875" style="1" customWidth="1"/>
    <col min="1800" max="1800" width="36.625" style="1" customWidth="1"/>
    <col min="1801" max="1801" width="33.625" style="1" customWidth="1"/>
    <col min="1802" max="1802" width="1.125" style="1" customWidth="1"/>
    <col min="1803" max="1803" width="2.25" style="1" customWidth="1"/>
    <col min="1804" max="1809" width="1.875" style="1" customWidth="1"/>
    <col min="1810" max="1810" width="36.625" style="1" customWidth="1"/>
    <col min="1811" max="1811" width="33.625" style="1" customWidth="1"/>
    <col min="1812" max="1812" width="1.125" style="1" customWidth="1"/>
    <col min="1813" max="1813" width="3.625" style="1" customWidth="1"/>
    <col min="1814" max="2048" width="8.875" style="1"/>
    <col min="2049" max="2049" width="3.625" style="1" customWidth="1"/>
    <col min="2050" max="2055" width="1.875" style="1" customWidth="1"/>
    <col min="2056" max="2056" width="36.625" style="1" customWidth="1"/>
    <col min="2057" max="2057" width="33.625" style="1" customWidth="1"/>
    <col min="2058" max="2058" width="1.125" style="1" customWidth="1"/>
    <col min="2059" max="2059" width="2.25" style="1" customWidth="1"/>
    <col min="2060" max="2065" width="1.875" style="1" customWidth="1"/>
    <col min="2066" max="2066" width="36.625" style="1" customWidth="1"/>
    <col min="2067" max="2067" width="33.625" style="1" customWidth="1"/>
    <col min="2068" max="2068" width="1.125" style="1" customWidth="1"/>
    <col min="2069" max="2069" width="3.625" style="1" customWidth="1"/>
    <col min="2070" max="2304" width="8.875" style="1"/>
    <col min="2305" max="2305" width="3.625" style="1" customWidth="1"/>
    <col min="2306" max="2311" width="1.875" style="1" customWidth="1"/>
    <col min="2312" max="2312" width="36.625" style="1" customWidth="1"/>
    <col min="2313" max="2313" width="33.625" style="1" customWidth="1"/>
    <col min="2314" max="2314" width="1.125" style="1" customWidth="1"/>
    <col min="2315" max="2315" width="2.25" style="1" customWidth="1"/>
    <col min="2316" max="2321" width="1.875" style="1" customWidth="1"/>
    <col min="2322" max="2322" width="36.625" style="1" customWidth="1"/>
    <col min="2323" max="2323" width="33.625" style="1" customWidth="1"/>
    <col min="2324" max="2324" width="1.125" style="1" customWidth="1"/>
    <col min="2325" max="2325" width="3.625" style="1" customWidth="1"/>
    <col min="2326" max="2560" width="8.875" style="1"/>
    <col min="2561" max="2561" width="3.625" style="1" customWidth="1"/>
    <col min="2562" max="2567" width="1.875" style="1" customWidth="1"/>
    <col min="2568" max="2568" width="36.625" style="1" customWidth="1"/>
    <col min="2569" max="2569" width="33.625" style="1" customWidth="1"/>
    <col min="2570" max="2570" width="1.125" style="1" customWidth="1"/>
    <col min="2571" max="2571" width="2.25" style="1" customWidth="1"/>
    <col min="2572" max="2577" width="1.875" style="1" customWidth="1"/>
    <col min="2578" max="2578" width="36.625" style="1" customWidth="1"/>
    <col min="2579" max="2579" width="33.625" style="1" customWidth="1"/>
    <col min="2580" max="2580" width="1.125" style="1" customWidth="1"/>
    <col min="2581" max="2581" width="3.625" style="1" customWidth="1"/>
    <col min="2582" max="2816" width="8.875" style="1"/>
    <col min="2817" max="2817" width="3.625" style="1" customWidth="1"/>
    <col min="2818" max="2823" width="1.875" style="1" customWidth="1"/>
    <col min="2824" max="2824" width="36.625" style="1" customWidth="1"/>
    <col min="2825" max="2825" width="33.625" style="1" customWidth="1"/>
    <col min="2826" max="2826" width="1.125" style="1" customWidth="1"/>
    <col min="2827" max="2827" width="2.25" style="1" customWidth="1"/>
    <col min="2828" max="2833" width="1.875" style="1" customWidth="1"/>
    <col min="2834" max="2834" width="36.625" style="1" customWidth="1"/>
    <col min="2835" max="2835" width="33.625" style="1" customWidth="1"/>
    <col min="2836" max="2836" width="1.125" style="1" customWidth="1"/>
    <col min="2837" max="2837" width="3.625" style="1" customWidth="1"/>
    <col min="2838" max="3072" width="8.875" style="1"/>
    <col min="3073" max="3073" width="3.625" style="1" customWidth="1"/>
    <col min="3074" max="3079" width="1.875" style="1" customWidth="1"/>
    <col min="3080" max="3080" width="36.625" style="1" customWidth="1"/>
    <col min="3081" max="3081" width="33.625" style="1" customWidth="1"/>
    <col min="3082" max="3082" width="1.125" style="1" customWidth="1"/>
    <col min="3083" max="3083" width="2.25" style="1" customWidth="1"/>
    <col min="3084" max="3089" width="1.875" style="1" customWidth="1"/>
    <col min="3090" max="3090" width="36.625" style="1" customWidth="1"/>
    <col min="3091" max="3091" width="33.625" style="1" customWidth="1"/>
    <col min="3092" max="3092" width="1.125" style="1" customWidth="1"/>
    <col min="3093" max="3093" width="3.625" style="1" customWidth="1"/>
    <col min="3094" max="3328" width="8.875" style="1"/>
    <col min="3329" max="3329" width="3.625" style="1" customWidth="1"/>
    <col min="3330" max="3335" width="1.875" style="1" customWidth="1"/>
    <col min="3336" max="3336" width="36.625" style="1" customWidth="1"/>
    <col min="3337" max="3337" width="33.625" style="1" customWidth="1"/>
    <col min="3338" max="3338" width="1.125" style="1" customWidth="1"/>
    <col min="3339" max="3339" width="2.25" style="1" customWidth="1"/>
    <col min="3340" max="3345" width="1.875" style="1" customWidth="1"/>
    <col min="3346" max="3346" width="36.625" style="1" customWidth="1"/>
    <col min="3347" max="3347" width="33.625" style="1" customWidth="1"/>
    <col min="3348" max="3348" width="1.125" style="1" customWidth="1"/>
    <col min="3349" max="3349" width="3.625" style="1" customWidth="1"/>
    <col min="3350" max="3584" width="8.875" style="1"/>
    <col min="3585" max="3585" width="3.625" style="1" customWidth="1"/>
    <col min="3586" max="3591" width="1.875" style="1" customWidth="1"/>
    <col min="3592" max="3592" width="36.625" style="1" customWidth="1"/>
    <col min="3593" max="3593" width="33.625" style="1" customWidth="1"/>
    <col min="3594" max="3594" width="1.125" style="1" customWidth="1"/>
    <col min="3595" max="3595" width="2.25" style="1" customWidth="1"/>
    <col min="3596" max="3601" width="1.875" style="1" customWidth="1"/>
    <col min="3602" max="3602" width="36.625" style="1" customWidth="1"/>
    <col min="3603" max="3603" width="33.625" style="1" customWidth="1"/>
    <col min="3604" max="3604" width="1.125" style="1" customWidth="1"/>
    <col min="3605" max="3605" width="3.625" style="1" customWidth="1"/>
    <col min="3606" max="3840" width="8.875" style="1"/>
    <col min="3841" max="3841" width="3.625" style="1" customWidth="1"/>
    <col min="3842" max="3847" width="1.875" style="1" customWidth="1"/>
    <col min="3848" max="3848" width="36.625" style="1" customWidth="1"/>
    <col min="3849" max="3849" width="33.625" style="1" customWidth="1"/>
    <col min="3850" max="3850" width="1.125" style="1" customWidth="1"/>
    <col min="3851" max="3851" width="2.25" style="1" customWidth="1"/>
    <col min="3852" max="3857" width="1.875" style="1" customWidth="1"/>
    <col min="3858" max="3858" width="36.625" style="1" customWidth="1"/>
    <col min="3859" max="3859" width="33.625" style="1" customWidth="1"/>
    <col min="3860" max="3860" width="1.125" style="1" customWidth="1"/>
    <col min="3861" max="3861" width="3.625" style="1" customWidth="1"/>
    <col min="3862" max="4096" width="8.875" style="1"/>
    <col min="4097" max="4097" width="3.625" style="1" customWidth="1"/>
    <col min="4098" max="4103" width="1.875" style="1" customWidth="1"/>
    <col min="4104" max="4104" width="36.625" style="1" customWidth="1"/>
    <col min="4105" max="4105" width="33.625" style="1" customWidth="1"/>
    <col min="4106" max="4106" width="1.125" style="1" customWidth="1"/>
    <col min="4107" max="4107" width="2.25" style="1" customWidth="1"/>
    <col min="4108" max="4113" width="1.875" style="1" customWidth="1"/>
    <col min="4114" max="4114" width="36.625" style="1" customWidth="1"/>
    <col min="4115" max="4115" width="33.625" style="1" customWidth="1"/>
    <col min="4116" max="4116" width="1.125" style="1" customWidth="1"/>
    <col min="4117" max="4117" width="3.625" style="1" customWidth="1"/>
    <col min="4118" max="4352" width="8.875" style="1"/>
    <col min="4353" max="4353" width="3.625" style="1" customWidth="1"/>
    <col min="4354" max="4359" width="1.875" style="1" customWidth="1"/>
    <col min="4360" max="4360" width="36.625" style="1" customWidth="1"/>
    <col min="4361" max="4361" width="33.625" style="1" customWidth="1"/>
    <col min="4362" max="4362" width="1.125" style="1" customWidth="1"/>
    <col min="4363" max="4363" width="2.25" style="1" customWidth="1"/>
    <col min="4364" max="4369" width="1.875" style="1" customWidth="1"/>
    <col min="4370" max="4370" width="36.625" style="1" customWidth="1"/>
    <col min="4371" max="4371" width="33.625" style="1" customWidth="1"/>
    <col min="4372" max="4372" width="1.125" style="1" customWidth="1"/>
    <col min="4373" max="4373" width="3.625" style="1" customWidth="1"/>
    <col min="4374" max="4608" width="8.875" style="1"/>
    <col min="4609" max="4609" width="3.625" style="1" customWidth="1"/>
    <col min="4610" max="4615" width="1.875" style="1" customWidth="1"/>
    <col min="4616" max="4616" width="36.625" style="1" customWidth="1"/>
    <col min="4617" max="4617" width="33.625" style="1" customWidth="1"/>
    <col min="4618" max="4618" width="1.125" style="1" customWidth="1"/>
    <col min="4619" max="4619" width="2.25" style="1" customWidth="1"/>
    <col min="4620" max="4625" width="1.875" style="1" customWidth="1"/>
    <col min="4626" max="4626" width="36.625" style="1" customWidth="1"/>
    <col min="4627" max="4627" width="33.625" style="1" customWidth="1"/>
    <col min="4628" max="4628" width="1.125" style="1" customWidth="1"/>
    <col min="4629" max="4629" width="3.625" style="1" customWidth="1"/>
    <col min="4630" max="4864" width="8.875" style="1"/>
    <col min="4865" max="4865" width="3.625" style="1" customWidth="1"/>
    <col min="4866" max="4871" width="1.875" style="1" customWidth="1"/>
    <col min="4872" max="4872" width="36.625" style="1" customWidth="1"/>
    <col min="4873" max="4873" width="33.625" style="1" customWidth="1"/>
    <col min="4874" max="4874" width="1.125" style="1" customWidth="1"/>
    <col min="4875" max="4875" width="2.25" style="1" customWidth="1"/>
    <col min="4876" max="4881" width="1.875" style="1" customWidth="1"/>
    <col min="4882" max="4882" width="36.625" style="1" customWidth="1"/>
    <col min="4883" max="4883" width="33.625" style="1" customWidth="1"/>
    <col min="4884" max="4884" width="1.125" style="1" customWidth="1"/>
    <col min="4885" max="4885" width="3.625" style="1" customWidth="1"/>
    <col min="4886" max="5120" width="8.875" style="1"/>
    <col min="5121" max="5121" width="3.625" style="1" customWidth="1"/>
    <col min="5122" max="5127" width="1.875" style="1" customWidth="1"/>
    <col min="5128" max="5128" width="36.625" style="1" customWidth="1"/>
    <col min="5129" max="5129" width="33.625" style="1" customWidth="1"/>
    <col min="5130" max="5130" width="1.125" style="1" customWidth="1"/>
    <col min="5131" max="5131" width="2.25" style="1" customWidth="1"/>
    <col min="5132" max="5137" width="1.875" style="1" customWidth="1"/>
    <col min="5138" max="5138" width="36.625" style="1" customWidth="1"/>
    <col min="5139" max="5139" width="33.625" style="1" customWidth="1"/>
    <col min="5140" max="5140" width="1.125" style="1" customWidth="1"/>
    <col min="5141" max="5141" width="3.625" style="1" customWidth="1"/>
    <col min="5142" max="5376" width="8.875" style="1"/>
    <col min="5377" max="5377" width="3.625" style="1" customWidth="1"/>
    <col min="5378" max="5383" width="1.875" style="1" customWidth="1"/>
    <col min="5384" max="5384" width="36.625" style="1" customWidth="1"/>
    <col min="5385" max="5385" width="33.625" style="1" customWidth="1"/>
    <col min="5386" max="5386" width="1.125" style="1" customWidth="1"/>
    <col min="5387" max="5387" width="2.25" style="1" customWidth="1"/>
    <col min="5388" max="5393" width="1.875" style="1" customWidth="1"/>
    <col min="5394" max="5394" width="36.625" style="1" customWidth="1"/>
    <col min="5395" max="5395" width="33.625" style="1" customWidth="1"/>
    <col min="5396" max="5396" width="1.125" style="1" customWidth="1"/>
    <col min="5397" max="5397" width="3.625" style="1" customWidth="1"/>
    <col min="5398" max="5632" width="8.875" style="1"/>
    <col min="5633" max="5633" width="3.625" style="1" customWidth="1"/>
    <col min="5634" max="5639" width="1.875" style="1" customWidth="1"/>
    <col min="5640" max="5640" width="36.625" style="1" customWidth="1"/>
    <col min="5641" max="5641" width="33.625" style="1" customWidth="1"/>
    <col min="5642" max="5642" width="1.125" style="1" customWidth="1"/>
    <col min="5643" max="5643" width="2.25" style="1" customWidth="1"/>
    <col min="5644" max="5649" width="1.875" style="1" customWidth="1"/>
    <col min="5650" max="5650" width="36.625" style="1" customWidth="1"/>
    <col min="5651" max="5651" width="33.625" style="1" customWidth="1"/>
    <col min="5652" max="5652" width="1.125" style="1" customWidth="1"/>
    <col min="5653" max="5653" width="3.625" style="1" customWidth="1"/>
    <col min="5654" max="5888" width="8.875" style="1"/>
    <col min="5889" max="5889" width="3.625" style="1" customWidth="1"/>
    <col min="5890" max="5895" width="1.875" style="1" customWidth="1"/>
    <col min="5896" max="5896" width="36.625" style="1" customWidth="1"/>
    <col min="5897" max="5897" width="33.625" style="1" customWidth="1"/>
    <col min="5898" max="5898" width="1.125" style="1" customWidth="1"/>
    <col min="5899" max="5899" width="2.25" style="1" customWidth="1"/>
    <col min="5900" max="5905" width="1.875" style="1" customWidth="1"/>
    <col min="5906" max="5906" width="36.625" style="1" customWidth="1"/>
    <col min="5907" max="5907" width="33.625" style="1" customWidth="1"/>
    <col min="5908" max="5908" width="1.125" style="1" customWidth="1"/>
    <col min="5909" max="5909" width="3.625" style="1" customWidth="1"/>
    <col min="5910" max="6144" width="8.875" style="1"/>
    <col min="6145" max="6145" width="3.625" style="1" customWidth="1"/>
    <col min="6146" max="6151" width="1.875" style="1" customWidth="1"/>
    <col min="6152" max="6152" width="36.625" style="1" customWidth="1"/>
    <col min="6153" max="6153" width="33.625" style="1" customWidth="1"/>
    <col min="6154" max="6154" width="1.125" style="1" customWidth="1"/>
    <col min="6155" max="6155" width="2.25" style="1" customWidth="1"/>
    <col min="6156" max="6161" width="1.875" style="1" customWidth="1"/>
    <col min="6162" max="6162" width="36.625" style="1" customWidth="1"/>
    <col min="6163" max="6163" width="33.625" style="1" customWidth="1"/>
    <col min="6164" max="6164" width="1.125" style="1" customWidth="1"/>
    <col min="6165" max="6165" width="3.625" style="1" customWidth="1"/>
    <col min="6166" max="6400" width="8.875" style="1"/>
    <col min="6401" max="6401" width="3.625" style="1" customWidth="1"/>
    <col min="6402" max="6407" width="1.875" style="1" customWidth="1"/>
    <col min="6408" max="6408" width="36.625" style="1" customWidth="1"/>
    <col min="6409" max="6409" width="33.625" style="1" customWidth="1"/>
    <col min="6410" max="6410" width="1.125" style="1" customWidth="1"/>
    <col min="6411" max="6411" width="2.25" style="1" customWidth="1"/>
    <col min="6412" max="6417" width="1.875" style="1" customWidth="1"/>
    <col min="6418" max="6418" width="36.625" style="1" customWidth="1"/>
    <col min="6419" max="6419" width="33.625" style="1" customWidth="1"/>
    <col min="6420" max="6420" width="1.125" style="1" customWidth="1"/>
    <col min="6421" max="6421" width="3.625" style="1" customWidth="1"/>
    <col min="6422" max="6656" width="8.875" style="1"/>
    <col min="6657" max="6657" width="3.625" style="1" customWidth="1"/>
    <col min="6658" max="6663" width="1.875" style="1" customWidth="1"/>
    <col min="6664" max="6664" width="36.625" style="1" customWidth="1"/>
    <col min="6665" max="6665" width="33.625" style="1" customWidth="1"/>
    <col min="6666" max="6666" width="1.125" style="1" customWidth="1"/>
    <col min="6667" max="6667" width="2.25" style="1" customWidth="1"/>
    <col min="6668" max="6673" width="1.875" style="1" customWidth="1"/>
    <col min="6674" max="6674" width="36.625" style="1" customWidth="1"/>
    <col min="6675" max="6675" width="33.625" style="1" customWidth="1"/>
    <col min="6676" max="6676" width="1.125" style="1" customWidth="1"/>
    <col min="6677" max="6677" width="3.625" style="1" customWidth="1"/>
    <col min="6678" max="6912" width="8.875" style="1"/>
    <col min="6913" max="6913" width="3.625" style="1" customWidth="1"/>
    <col min="6914" max="6919" width="1.875" style="1" customWidth="1"/>
    <col min="6920" max="6920" width="36.625" style="1" customWidth="1"/>
    <col min="6921" max="6921" width="33.625" style="1" customWidth="1"/>
    <col min="6922" max="6922" width="1.125" style="1" customWidth="1"/>
    <col min="6923" max="6923" width="2.25" style="1" customWidth="1"/>
    <col min="6924" max="6929" width="1.875" style="1" customWidth="1"/>
    <col min="6930" max="6930" width="36.625" style="1" customWidth="1"/>
    <col min="6931" max="6931" width="33.625" style="1" customWidth="1"/>
    <col min="6932" max="6932" width="1.125" style="1" customWidth="1"/>
    <col min="6933" max="6933" width="3.625" style="1" customWidth="1"/>
    <col min="6934" max="7168" width="8.875" style="1"/>
    <col min="7169" max="7169" width="3.625" style="1" customWidth="1"/>
    <col min="7170" max="7175" width="1.875" style="1" customWidth="1"/>
    <col min="7176" max="7176" width="36.625" style="1" customWidth="1"/>
    <col min="7177" max="7177" width="33.625" style="1" customWidth="1"/>
    <col min="7178" max="7178" width="1.125" style="1" customWidth="1"/>
    <col min="7179" max="7179" width="2.25" style="1" customWidth="1"/>
    <col min="7180" max="7185" width="1.875" style="1" customWidth="1"/>
    <col min="7186" max="7186" width="36.625" style="1" customWidth="1"/>
    <col min="7187" max="7187" width="33.625" style="1" customWidth="1"/>
    <col min="7188" max="7188" width="1.125" style="1" customWidth="1"/>
    <col min="7189" max="7189" width="3.625" style="1" customWidth="1"/>
    <col min="7190" max="7424" width="8.875" style="1"/>
    <col min="7425" max="7425" width="3.625" style="1" customWidth="1"/>
    <col min="7426" max="7431" width="1.875" style="1" customWidth="1"/>
    <col min="7432" max="7432" width="36.625" style="1" customWidth="1"/>
    <col min="7433" max="7433" width="33.625" style="1" customWidth="1"/>
    <col min="7434" max="7434" width="1.125" style="1" customWidth="1"/>
    <col min="7435" max="7435" width="2.25" style="1" customWidth="1"/>
    <col min="7436" max="7441" width="1.875" style="1" customWidth="1"/>
    <col min="7442" max="7442" width="36.625" style="1" customWidth="1"/>
    <col min="7443" max="7443" width="33.625" style="1" customWidth="1"/>
    <col min="7444" max="7444" width="1.125" style="1" customWidth="1"/>
    <col min="7445" max="7445" width="3.625" style="1" customWidth="1"/>
    <col min="7446" max="7680" width="8.875" style="1"/>
    <col min="7681" max="7681" width="3.625" style="1" customWidth="1"/>
    <col min="7682" max="7687" width="1.875" style="1" customWidth="1"/>
    <col min="7688" max="7688" width="36.625" style="1" customWidth="1"/>
    <col min="7689" max="7689" width="33.625" style="1" customWidth="1"/>
    <col min="7690" max="7690" width="1.125" style="1" customWidth="1"/>
    <col min="7691" max="7691" width="2.25" style="1" customWidth="1"/>
    <col min="7692" max="7697" width="1.875" style="1" customWidth="1"/>
    <col min="7698" max="7698" width="36.625" style="1" customWidth="1"/>
    <col min="7699" max="7699" width="33.625" style="1" customWidth="1"/>
    <col min="7700" max="7700" width="1.125" style="1" customWidth="1"/>
    <col min="7701" max="7701" width="3.625" style="1" customWidth="1"/>
    <col min="7702" max="7936" width="8.875" style="1"/>
    <col min="7937" max="7937" width="3.625" style="1" customWidth="1"/>
    <col min="7938" max="7943" width="1.875" style="1" customWidth="1"/>
    <col min="7944" max="7944" width="36.625" style="1" customWidth="1"/>
    <col min="7945" max="7945" width="33.625" style="1" customWidth="1"/>
    <col min="7946" max="7946" width="1.125" style="1" customWidth="1"/>
    <col min="7947" max="7947" width="2.25" style="1" customWidth="1"/>
    <col min="7948" max="7953" width="1.875" style="1" customWidth="1"/>
    <col min="7954" max="7954" width="36.625" style="1" customWidth="1"/>
    <col min="7955" max="7955" width="33.625" style="1" customWidth="1"/>
    <col min="7956" max="7956" width="1.125" style="1" customWidth="1"/>
    <col min="7957" max="7957" width="3.625" style="1" customWidth="1"/>
    <col min="7958" max="8192" width="8.875" style="1"/>
    <col min="8193" max="8193" width="3.625" style="1" customWidth="1"/>
    <col min="8194" max="8199" width="1.875" style="1" customWidth="1"/>
    <col min="8200" max="8200" width="36.625" style="1" customWidth="1"/>
    <col min="8201" max="8201" width="33.625" style="1" customWidth="1"/>
    <col min="8202" max="8202" width="1.125" style="1" customWidth="1"/>
    <col min="8203" max="8203" width="2.25" style="1" customWidth="1"/>
    <col min="8204" max="8209" width="1.875" style="1" customWidth="1"/>
    <col min="8210" max="8210" width="36.625" style="1" customWidth="1"/>
    <col min="8211" max="8211" width="33.625" style="1" customWidth="1"/>
    <col min="8212" max="8212" width="1.125" style="1" customWidth="1"/>
    <col min="8213" max="8213" width="3.625" style="1" customWidth="1"/>
    <col min="8214" max="8448" width="8.875" style="1"/>
    <col min="8449" max="8449" width="3.625" style="1" customWidth="1"/>
    <col min="8450" max="8455" width="1.875" style="1" customWidth="1"/>
    <col min="8456" max="8456" width="36.625" style="1" customWidth="1"/>
    <col min="8457" max="8457" width="33.625" style="1" customWidth="1"/>
    <col min="8458" max="8458" width="1.125" style="1" customWidth="1"/>
    <col min="8459" max="8459" width="2.25" style="1" customWidth="1"/>
    <col min="8460" max="8465" width="1.875" style="1" customWidth="1"/>
    <col min="8466" max="8466" width="36.625" style="1" customWidth="1"/>
    <col min="8467" max="8467" width="33.625" style="1" customWidth="1"/>
    <col min="8468" max="8468" width="1.125" style="1" customWidth="1"/>
    <col min="8469" max="8469" width="3.625" style="1" customWidth="1"/>
    <col min="8470" max="8704" width="8.875" style="1"/>
    <col min="8705" max="8705" width="3.625" style="1" customWidth="1"/>
    <col min="8706" max="8711" width="1.875" style="1" customWidth="1"/>
    <col min="8712" max="8712" width="36.625" style="1" customWidth="1"/>
    <col min="8713" max="8713" width="33.625" style="1" customWidth="1"/>
    <col min="8714" max="8714" width="1.125" style="1" customWidth="1"/>
    <col min="8715" max="8715" width="2.25" style="1" customWidth="1"/>
    <col min="8716" max="8721" width="1.875" style="1" customWidth="1"/>
    <col min="8722" max="8722" width="36.625" style="1" customWidth="1"/>
    <col min="8723" max="8723" width="33.625" style="1" customWidth="1"/>
    <col min="8724" max="8724" width="1.125" style="1" customWidth="1"/>
    <col min="8725" max="8725" width="3.625" style="1" customWidth="1"/>
    <col min="8726" max="8960" width="8.875" style="1"/>
    <col min="8961" max="8961" width="3.625" style="1" customWidth="1"/>
    <col min="8962" max="8967" width="1.875" style="1" customWidth="1"/>
    <col min="8968" max="8968" width="36.625" style="1" customWidth="1"/>
    <col min="8969" max="8969" width="33.625" style="1" customWidth="1"/>
    <col min="8970" max="8970" width="1.125" style="1" customWidth="1"/>
    <col min="8971" max="8971" width="2.25" style="1" customWidth="1"/>
    <col min="8972" max="8977" width="1.875" style="1" customWidth="1"/>
    <col min="8978" max="8978" width="36.625" style="1" customWidth="1"/>
    <col min="8979" max="8979" width="33.625" style="1" customWidth="1"/>
    <col min="8980" max="8980" width="1.125" style="1" customWidth="1"/>
    <col min="8981" max="8981" width="3.625" style="1" customWidth="1"/>
    <col min="8982" max="9216" width="8.875" style="1"/>
    <col min="9217" max="9217" width="3.625" style="1" customWidth="1"/>
    <col min="9218" max="9223" width="1.875" style="1" customWidth="1"/>
    <col min="9224" max="9224" width="36.625" style="1" customWidth="1"/>
    <col min="9225" max="9225" width="33.625" style="1" customWidth="1"/>
    <col min="9226" max="9226" width="1.125" style="1" customWidth="1"/>
    <col min="9227" max="9227" width="2.25" style="1" customWidth="1"/>
    <col min="9228" max="9233" width="1.875" style="1" customWidth="1"/>
    <col min="9234" max="9234" width="36.625" style="1" customWidth="1"/>
    <col min="9235" max="9235" width="33.625" style="1" customWidth="1"/>
    <col min="9236" max="9236" width="1.125" style="1" customWidth="1"/>
    <col min="9237" max="9237" width="3.625" style="1" customWidth="1"/>
    <col min="9238" max="9472" width="8.875" style="1"/>
    <col min="9473" max="9473" width="3.625" style="1" customWidth="1"/>
    <col min="9474" max="9479" width="1.875" style="1" customWidth="1"/>
    <col min="9480" max="9480" width="36.625" style="1" customWidth="1"/>
    <col min="9481" max="9481" width="33.625" style="1" customWidth="1"/>
    <col min="9482" max="9482" width="1.125" style="1" customWidth="1"/>
    <col min="9483" max="9483" width="2.25" style="1" customWidth="1"/>
    <col min="9484" max="9489" width="1.875" style="1" customWidth="1"/>
    <col min="9490" max="9490" width="36.625" style="1" customWidth="1"/>
    <col min="9491" max="9491" width="33.625" style="1" customWidth="1"/>
    <col min="9492" max="9492" width="1.125" style="1" customWidth="1"/>
    <col min="9493" max="9493" width="3.625" style="1" customWidth="1"/>
    <col min="9494" max="9728" width="8.875" style="1"/>
    <col min="9729" max="9729" width="3.625" style="1" customWidth="1"/>
    <col min="9730" max="9735" width="1.875" style="1" customWidth="1"/>
    <col min="9736" max="9736" width="36.625" style="1" customWidth="1"/>
    <col min="9737" max="9737" width="33.625" style="1" customWidth="1"/>
    <col min="9738" max="9738" width="1.125" style="1" customWidth="1"/>
    <col min="9739" max="9739" width="2.25" style="1" customWidth="1"/>
    <col min="9740" max="9745" width="1.875" style="1" customWidth="1"/>
    <col min="9746" max="9746" width="36.625" style="1" customWidth="1"/>
    <col min="9747" max="9747" width="33.625" style="1" customWidth="1"/>
    <col min="9748" max="9748" width="1.125" style="1" customWidth="1"/>
    <col min="9749" max="9749" width="3.625" style="1" customWidth="1"/>
    <col min="9750" max="9984" width="8.875" style="1"/>
    <col min="9985" max="9985" width="3.625" style="1" customWidth="1"/>
    <col min="9986" max="9991" width="1.875" style="1" customWidth="1"/>
    <col min="9992" max="9992" width="36.625" style="1" customWidth="1"/>
    <col min="9993" max="9993" width="33.625" style="1" customWidth="1"/>
    <col min="9994" max="9994" width="1.125" style="1" customWidth="1"/>
    <col min="9995" max="9995" width="2.25" style="1" customWidth="1"/>
    <col min="9996" max="10001" width="1.875" style="1" customWidth="1"/>
    <col min="10002" max="10002" width="36.625" style="1" customWidth="1"/>
    <col min="10003" max="10003" width="33.625" style="1" customWidth="1"/>
    <col min="10004" max="10004" width="1.125" style="1" customWidth="1"/>
    <col min="10005" max="10005" width="3.625" style="1" customWidth="1"/>
    <col min="10006" max="10240" width="8.875" style="1"/>
    <col min="10241" max="10241" width="3.625" style="1" customWidth="1"/>
    <col min="10242" max="10247" width="1.875" style="1" customWidth="1"/>
    <col min="10248" max="10248" width="36.625" style="1" customWidth="1"/>
    <col min="10249" max="10249" width="33.625" style="1" customWidth="1"/>
    <col min="10250" max="10250" width="1.125" style="1" customWidth="1"/>
    <col min="10251" max="10251" width="2.25" style="1" customWidth="1"/>
    <col min="10252" max="10257" width="1.875" style="1" customWidth="1"/>
    <col min="10258" max="10258" width="36.625" style="1" customWidth="1"/>
    <col min="10259" max="10259" width="33.625" style="1" customWidth="1"/>
    <col min="10260" max="10260" width="1.125" style="1" customWidth="1"/>
    <col min="10261" max="10261" width="3.625" style="1" customWidth="1"/>
    <col min="10262" max="10496" width="8.875" style="1"/>
    <col min="10497" max="10497" width="3.625" style="1" customWidth="1"/>
    <col min="10498" max="10503" width="1.875" style="1" customWidth="1"/>
    <col min="10504" max="10504" width="36.625" style="1" customWidth="1"/>
    <col min="10505" max="10505" width="33.625" style="1" customWidth="1"/>
    <col min="10506" max="10506" width="1.125" style="1" customWidth="1"/>
    <col min="10507" max="10507" width="2.25" style="1" customWidth="1"/>
    <col min="10508" max="10513" width="1.875" style="1" customWidth="1"/>
    <col min="10514" max="10514" width="36.625" style="1" customWidth="1"/>
    <col min="10515" max="10515" width="33.625" style="1" customWidth="1"/>
    <col min="10516" max="10516" width="1.125" style="1" customWidth="1"/>
    <col min="10517" max="10517" width="3.625" style="1" customWidth="1"/>
    <col min="10518" max="10752" width="8.875" style="1"/>
    <col min="10753" max="10753" width="3.625" style="1" customWidth="1"/>
    <col min="10754" max="10759" width="1.875" style="1" customWidth="1"/>
    <col min="10760" max="10760" width="36.625" style="1" customWidth="1"/>
    <col min="10761" max="10761" width="33.625" style="1" customWidth="1"/>
    <col min="10762" max="10762" width="1.125" style="1" customWidth="1"/>
    <col min="10763" max="10763" width="2.25" style="1" customWidth="1"/>
    <col min="10764" max="10769" width="1.875" style="1" customWidth="1"/>
    <col min="10770" max="10770" width="36.625" style="1" customWidth="1"/>
    <col min="10771" max="10771" width="33.625" style="1" customWidth="1"/>
    <col min="10772" max="10772" width="1.125" style="1" customWidth="1"/>
    <col min="10773" max="10773" width="3.625" style="1" customWidth="1"/>
    <col min="10774" max="11008" width="8.875" style="1"/>
    <col min="11009" max="11009" width="3.625" style="1" customWidth="1"/>
    <col min="11010" max="11015" width="1.875" style="1" customWidth="1"/>
    <col min="11016" max="11016" width="36.625" style="1" customWidth="1"/>
    <col min="11017" max="11017" width="33.625" style="1" customWidth="1"/>
    <col min="11018" max="11018" width="1.125" style="1" customWidth="1"/>
    <col min="11019" max="11019" width="2.25" style="1" customWidth="1"/>
    <col min="11020" max="11025" width="1.875" style="1" customWidth="1"/>
    <col min="11026" max="11026" width="36.625" style="1" customWidth="1"/>
    <col min="11027" max="11027" width="33.625" style="1" customWidth="1"/>
    <col min="11028" max="11028" width="1.125" style="1" customWidth="1"/>
    <col min="11029" max="11029" width="3.625" style="1" customWidth="1"/>
    <col min="11030" max="11264" width="8.875" style="1"/>
    <col min="11265" max="11265" width="3.625" style="1" customWidth="1"/>
    <col min="11266" max="11271" width="1.875" style="1" customWidth="1"/>
    <col min="11272" max="11272" width="36.625" style="1" customWidth="1"/>
    <col min="11273" max="11273" width="33.625" style="1" customWidth="1"/>
    <col min="11274" max="11274" width="1.125" style="1" customWidth="1"/>
    <col min="11275" max="11275" width="2.25" style="1" customWidth="1"/>
    <col min="11276" max="11281" width="1.875" style="1" customWidth="1"/>
    <col min="11282" max="11282" width="36.625" style="1" customWidth="1"/>
    <col min="11283" max="11283" width="33.625" style="1" customWidth="1"/>
    <col min="11284" max="11284" width="1.125" style="1" customWidth="1"/>
    <col min="11285" max="11285" width="3.625" style="1" customWidth="1"/>
    <col min="11286" max="11520" width="8.875" style="1"/>
    <col min="11521" max="11521" width="3.625" style="1" customWidth="1"/>
    <col min="11522" max="11527" width="1.875" style="1" customWidth="1"/>
    <col min="11528" max="11528" width="36.625" style="1" customWidth="1"/>
    <col min="11529" max="11529" width="33.625" style="1" customWidth="1"/>
    <col min="11530" max="11530" width="1.125" style="1" customWidth="1"/>
    <col min="11531" max="11531" width="2.25" style="1" customWidth="1"/>
    <col min="11532" max="11537" width="1.875" style="1" customWidth="1"/>
    <col min="11538" max="11538" width="36.625" style="1" customWidth="1"/>
    <col min="11539" max="11539" width="33.625" style="1" customWidth="1"/>
    <col min="11540" max="11540" width="1.125" style="1" customWidth="1"/>
    <col min="11541" max="11541" width="3.625" style="1" customWidth="1"/>
    <col min="11542" max="11776" width="8.875" style="1"/>
    <col min="11777" max="11777" width="3.625" style="1" customWidth="1"/>
    <col min="11778" max="11783" width="1.875" style="1" customWidth="1"/>
    <col min="11784" max="11784" width="36.625" style="1" customWidth="1"/>
    <col min="11785" max="11785" width="33.625" style="1" customWidth="1"/>
    <col min="11786" max="11786" width="1.125" style="1" customWidth="1"/>
    <col min="11787" max="11787" width="2.25" style="1" customWidth="1"/>
    <col min="11788" max="11793" width="1.875" style="1" customWidth="1"/>
    <col min="11794" max="11794" width="36.625" style="1" customWidth="1"/>
    <col min="11795" max="11795" width="33.625" style="1" customWidth="1"/>
    <col min="11796" max="11796" width="1.125" style="1" customWidth="1"/>
    <col min="11797" max="11797" width="3.625" style="1" customWidth="1"/>
    <col min="11798" max="12032" width="8.875" style="1"/>
    <col min="12033" max="12033" width="3.625" style="1" customWidth="1"/>
    <col min="12034" max="12039" width="1.875" style="1" customWidth="1"/>
    <col min="12040" max="12040" width="36.625" style="1" customWidth="1"/>
    <col min="12041" max="12041" width="33.625" style="1" customWidth="1"/>
    <col min="12042" max="12042" width="1.125" style="1" customWidth="1"/>
    <col min="12043" max="12043" width="2.25" style="1" customWidth="1"/>
    <col min="12044" max="12049" width="1.875" style="1" customWidth="1"/>
    <col min="12050" max="12050" width="36.625" style="1" customWidth="1"/>
    <col min="12051" max="12051" width="33.625" style="1" customWidth="1"/>
    <col min="12052" max="12052" width="1.125" style="1" customWidth="1"/>
    <col min="12053" max="12053" width="3.625" style="1" customWidth="1"/>
    <col min="12054" max="12288" width="8.875" style="1"/>
    <col min="12289" max="12289" width="3.625" style="1" customWidth="1"/>
    <col min="12290" max="12295" width="1.875" style="1" customWidth="1"/>
    <col min="12296" max="12296" width="36.625" style="1" customWidth="1"/>
    <col min="12297" max="12297" width="33.625" style="1" customWidth="1"/>
    <col min="12298" max="12298" width="1.125" style="1" customWidth="1"/>
    <col min="12299" max="12299" width="2.25" style="1" customWidth="1"/>
    <col min="12300" max="12305" width="1.875" style="1" customWidth="1"/>
    <col min="12306" max="12306" width="36.625" style="1" customWidth="1"/>
    <col min="12307" max="12307" width="33.625" style="1" customWidth="1"/>
    <col min="12308" max="12308" width="1.125" style="1" customWidth="1"/>
    <col min="12309" max="12309" width="3.625" style="1" customWidth="1"/>
    <col min="12310" max="12544" width="8.875" style="1"/>
    <col min="12545" max="12545" width="3.625" style="1" customWidth="1"/>
    <col min="12546" max="12551" width="1.875" style="1" customWidth="1"/>
    <col min="12552" max="12552" width="36.625" style="1" customWidth="1"/>
    <col min="12553" max="12553" width="33.625" style="1" customWidth="1"/>
    <col min="12554" max="12554" width="1.125" style="1" customWidth="1"/>
    <col min="12555" max="12555" width="2.25" style="1" customWidth="1"/>
    <col min="12556" max="12561" width="1.875" style="1" customWidth="1"/>
    <col min="12562" max="12562" width="36.625" style="1" customWidth="1"/>
    <col min="12563" max="12563" width="33.625" style="1" customWidth="1"/>
    <col min="12564" max="12564" width="1.125" style="1" customWidth="1"/>
    <col min="12565" max="12565" width="3.625" style="1" customWidth="1"/>
    <col min="12566" max="12800" width="8.875" style="1"/>
    <col min="12801" max="12801" width="3.625" style="1" customWidth="1"/>
    <col min="12802" max="12807" width="1.875" style="1" customWidth="1"/>
    <col min="12808" max="12808" width="36.625" style="1" customWidth="1"/>
    <col min="12809" max="12809" width="33.625" style="1" customWidth="1"/>
    <col min="12810" max="12810" width="1.125" style="1" customWidth="1"/>
    <col min="12811" max="12811" width="2.25" style="1" customWidth="1"/>
    <col min="12812" max="12817" width="1.875" style="1" customWidth="1"/>
    <col min="12818" max="12818" width="36.625" style="1" customWidth="1"/>
    <col min="12819" max="12819" width="33.625" style="1" customWidth="1"/>
    <col min="12820" max="12820" width="1.125" style="1" customWidth="1"/>
    <col min="12821" max="12821" width="3.625" style="1" customWidth="1"/>
    <col min="12822" max="13056" width="8.875" style="1"/>
    <col min="13057" max="13057" width="3.625" style="1" customWidth="1"/>
    <col min="13058" max="13063" width="1.875" style="1" customWidth="1"/>
    <col min="13064" max="13064" width="36.625" style="1" customWidth="1"/>
    <col min="13065" max="13065" width="33.625" style="1" customWidth="1"/>
    <col min="13066" max="13066" width="1.125" style="1" customWidth="1"/>
    <col min="13067" max="13067" width="2.25" style="1" customWidth="1"/>
    <col min="13068" max="13073" width="1.875" style="1" customWidth="1"/>
    <col min="13074" max="13074" width="36.625" style="1" customWidth="1"/>
    <col min="13075" max="13075" width="33.625" style="1" customWidth="1"/>
    <col min="13076" max="13076" width="1.125" style="1" customWidth="1"/>
    <col min="13077" max="13077" width="3.625" style="1" customWidth="1"/>
    <col min="13078" max="13312" width="8.875" style="1"/>
    <col min="13313" max="13313" width="3.625" style="1" customWidth="1"/>
    <col min="13314" max="13319" width="1.875" style="1" customWidth="1"/>
    <col min="13320" max="13320" width="36.625" style="1" customWidth="1"/>
    <col min="13321" max="13321" width="33.625" style="1" customWidth="1"/>
    <col min="13322" max="13322" width="1.125" style="1" customWidth="1"/>
    <col min="13323" max="13323" width="2.25" style="1" customWidth="1"/>
    <col min="13324" max="13329" width="1.875" style="1" customWidth="1"/>
    <col min="13330" max="13330" width="36.625" style="1" customWidth="1"/>
    <col min="13331" max="13331" width="33.625" style="1" customWidth="1"/>
    <col min="13332" max="13332" width="1.125" style="1" customWidth="1"/>
    <col min="13333" max="13333" width="3.625" style="1" customWidth="1"/>
    <col min="13334" max="13568" width="8.875" style="1"/>
    <col min="13569" max="13569" width="3.625" style="1" customWidth="1"/>
    <col min="13570" max="13575" width="1.875" style="1" customWidth="1"/>
    <col min="13576" max="13576" width="36.625" style="1" customWidth="1"/>
    <col min="13577" max="13577" width="33.625" style="1" customWidth="1"/>
    <col min="13578" max="13578" width="1.125" style="1" customWidth="1"/>
    <col min="13579" max="13579" width="2.25" style="1" customWidth="1"/>
    <col min="13580" max="13585" width="1.875" style="1" customWidth="1"/>
    <col min="13586" max="13586" width="36.625" style="1" customWidth="1"/>
    <col min="13587" max="13587" width="33.625" style="1" customWidth="1"/>
    <col min="13588" max="13588" width="1.125" style="1" customWidth="1"/>
    <col min="13589" max="13589" width="3.625" style="1" customWidth="1"/>
    <col min="13590" max="13824" width="8.875" style="1"/>
    <col min="13825" max="13825" width="3.625" style="1" customWidth="1"/>
    <col min="13826" max="13831" width="1.875" style="1" customWidth="1"/>
    <col min="13832" max="13832" width="36.625" style="1" customWidth="1"/>
    <col min="13833" max="13833" width="33.625" style="1" customWidth="1"/>
    <col min="13834" max="13834" width="1.125" style="1" customWidth="1"/>
    <col min="13835" max="13835" width="2.25" style="1" customWidth="1"/>
    <col min="13836" max="13841" width="1.875" style="1" customWidth="1"/>
    <col min="13842" max="13842" width="36.625" style="1" customWidth="1"/>
    <col min="13843" max="13843" width="33.625" style="1" customWidth="1"/>
    <col min="13844" max="13844" width="1.125" style="1" customWidth="1"/>
    <col min="13845" max="13845" width="3.625" style="1" customWidth="1"/>
    <col min="13846" max="14080" width="8.875" style="1"/>
    <col min="14081" max="14081" width="3.625" style="1" customWidth="1"/>
    <col min="14082" max="14087" width="1.875" style="1" customWidth="1"/>
    <col min="14088" max="14088" width="36.625" style="1" customWidth="1"/>
    <col min="14089" max="14089" width="33.625" style="1" customWidth="1"/>
    <col min="14090" max="14090" width="1.125" style="1" customWidth="1"/>
    <col min="14091" max="14091" width="2.25" style="1" customWidth="1"/>
    <col min="14092" max="14097" width="1.875" style="1" customWidth="1"/>
    <col min="14098" max="14098" width="36.625" style="1" customWidth="1"/>
    <col min="14099" max="14099" width="33.625" style="1" customWidth="1"/>
    <col min="14100" max="14100" width="1.125" style="1" customWidth="1"/>
    <col min="14101" max="14101" width="3.625" style="1" customWidth="1"/>
    <col min="14102" max="14336" width="8.875" style="1"/>
    <col min="14337" max="14337" width="3.625" style="1" customWidth="1"/>
    <col min="14338" max="14343" width="1.875" style="1" customWidth="1"/>
    <col min="14344" max="14344" width="36.625" style="1" customWidth="1"/>
    <col min="14345" max="14345" width="33.625" style="1" customWidth="1"/>
    <col min="14346" max="14346" width="1.125" style="1" customWidth="1"/>
    <col min="14347" max="14347" width="2.25" style="1" customWidth="1"/>
    <col min="14348" max="14353" width="1.875" style="1" customWidth="1"/>
    <col min="14354" max="14354" width="36.625" style="1" customWidth="1"/>
    <col min="14355" max="14355" width="33.625" style="1" customWidth="1"/>
    <col min="14356" max="14356" width="1.125" style="1" customWidth="1"/>
    <col min="14357" max="14357" width="3.625" style="1" customWidth="1"/>
    <col min="14358" max="14592" width="8.875" style="1"/>
    <col min="14593" max="14593" width="3.625" style="1" customWidth="1"/>
    <col min="14594" max="14599" width="1.875" style="1" customWidth="1"/>
    <col min="14600" max="14600" width="36.625" style="1" customWidth="1"/>
    <col min="14601" max="14601" width="33.625" style="1" customWidth="1"/>
    <col min="14602" max="14602" width="1.125" style="1" customWidth="1"/>
    <col min="14603" max="14603" width="2.25" style="1" customWidth="1"/>
    <col min="14604" max="14609" width="1.875" style="1" customWidth="1"/>
    <col min="14610" max="14610" width="36.625" style="1" customWidth="1"/>
    <col min="14611" max="14611" width="33.625" style="1" customWidth="1"/>
    <col min="14612" max="14612" width="1.125" style="1" customWidth="1"/>
    <col min="14613" max="14613" width="3.625" style="1" customWidth="1"/>
    <col min="14614" max="14848" width="8.875" style="1"/>
    <col min="14849" max="14849" width="3.625" style="1" customWidth="1"/>
    <col min="14850" max="14855" width="1.875" style="1" customWidth="1"/>
    <col min="14856" max="14856" width="36.625" style="1" customWidth="1"/>
    <col min="14857" max="14857" width="33.625" style="1" customWidth="1"/>
    <col min="14858" max="14858" width="1.125" style="1" customWidth="1"/>
    <col min="14859" max="14859" width="2.25" style="1" customWidth="1"/>
    <col min="14860" max="14865" width="1.875" style="1" customWidth="1"/>
    <col min="14866" max="14866" width="36.625" style="1" customWidth="1"/>
    <col min="14867" max="14867" width="33.625" style="1" customWidth="1"/>
    <col min="14868" max="14868" width="1.125" style="1" customWidth="1"/>
    <col min="14869" max="14869" width="3.625" style="1" customWidth="1"/>
    <col min="14870" max="15104" width="8.875" style="1"/>
    <col min="15105" max="15105" width="3.625" style="1" customWidth="1"/>
    <col min="15106" max="15111" width="1.875" style="1" customWidth="1"/>
    <col min="15112" max="15112" width="36.625" style="1" customWidth="1"/>
    <col min="15113" max="15113" width="33.625" style="1" customWidth="1"/>
    <col min="15114" max="15114" width="1.125" style="1" customWidth="1"/>
    <col min="15115" max="15115" width="2.25" style="1" customWidth="1"/>
    <col min="15116" max="15121" width="1.875" style="1" customWidth="1"/>
    <col min="15122" max="15122" width="36.625" style="1" customWidth="1"/>
    <col min="15123" max="15123" width="33.625" style="1" customWidth="1"/>
    <col min="15124" max="15124" width="1.125" style="1" customWidth="1"/>
    <col min="15125" max="15125" width="3.625" style="1" customWidth="1"/>
    <col min="15126" max="15360" width="8.875" style="1"/>
    <col min="15361" max="15361" width="3.625" style="1" customWidth="1"/>
    <col min="15362" max="15367" width="1.875" style="1" customWidth="1"/>
    <col min="15368" max="15368" width="36.625" style="1" customWidth="1"/>
    <col min="15369" max="15369" width="33.625" style="1" customWidth="1"/>
    <col min="15370" max="15370" width="1.125" style="1" customWidth="1"/>
    <col min="15371" max="15371" width="2.25" style="1" customWidth="1"/>
    <col min="15372" max="15377" width="1.875" style="1" customWidth="1"/>
    <col min="15378" max="15378" width="36.625" style="1" customWidth="1"/>
    <col min="15379" max="15379" width="33.625" style="1" customWidth="1"/>
    <col min="15380" max="15380" width="1.125" style="1" customWidth="1"/>
    <col min="15381" max="15381" width="3.625" style="1" customWidth="1"/>
    <col min="15382" max="15616" width="8.875" style="1"/>
    <col min="15617" max="15617" width="3.625" style="1" customWidth="1"/>
    <col min="15618" max="15623" width="1.875" style="1" customWidth="1"/>
    <col min="15624" max="15624" width="36.625" style="1" customWidth="1"/>
    <col min="15625" max="15625" width="33.625" style="1" customWidth="1"/>
    <col min="15626" max="15626" width="1.125" style="1" customWidth="1"/>
    <col min="15627" max="15627" width="2.25" style="1" customWidth="1"/>
    <col min="15628" max="15633" width="1.875" style="1" customWidth="1"/>
    <col min="15634" max="15634" width="36.625" style="1" customWidth="1"/>
    <col min="15635" max="15635" width="33.625" style="1" customWidth="1"/>
    <col min="15636" max="15636" width="1.125" style="1" customWidth="1"/>
    <col min="15637" max="15637" width="3.625" style="1" customWidth="1"/>
    <col min="15638" max="15872" width="8.875" style="1"/>
    <col min="15873" max="15873" width="3.625" style="1" customWidth="1"/>
    <col min="15874" max="15879" width="1.875" style="1" customWidth="1"/>
    <col min="15880" max="15880" width="36.625" style="1" customWidth="1"/>
    <col min="15881" max="15881" width="33.625" style="1" customWidth="1"/>
    <col min="15882" max="15882" width="1.125" style="1" customWidth="1"/>
    <col min="15883" max="15883" width="2.25" style="1" customWidth="1"/>
    <col min="15884" max="15889" width="1.875" style="1" customWidth="1"/>
    <col min="15890" max="15890" width="36.625" style="1" customWidth="1"/>
    <col min="15891" max="15891" width="33.625" style="1" customWidth="1"/>
    <col min="15892" max="15892" width="1.125" style="1" customWidth="1"/>
    <col min="15893" max="15893" width="3.625" style="1" customWidth="1"/>
    <col min="15894" max="16128" width="8.875" style="1"/>
    <col min="16129" max="16129" width="3.625" style="1" customWidth="1"/>
    <col min="16130" max="16135" width="1.875" style="1" customWidth="1"/>
    <col min="16136" max="16136" width="36.625" style="1" customWidth="1"/>
    <col min="16137" max="16137" width="33.625" style="1" customWidth="1"/>
    <col min="16138" max="16138" width="1.125" style="1" customWidth="1"/>
    <col min="16139" max="16139" width="2.25" style="1" customWidth="1"/>
    <col min="16140" max="16145" width="1.875" style="1" customWidth="1"/>
    <col min="16146" max="16146" width="36.625" style="1" customWidth="1"/>
    <col min="16147" max="16147" width="33.625" style="1" customWidth="1"/>
    <col min="16148" max="16148" width="1.125" style="1" customWidth="1"/>
    <col min="16149" max="16149" width="3.625" style="1" customWidth="1"/>
    <col min="16150" max="16384" width="8.875" style="1"/>
  </cols>
  <sheetData>
    <row r="1" spans="1:21" ht="22.5" customHeight="1" x14ac:dyDescent="0.4">
      <c r="B1" s="76" t="s">
        <v>5</v>
      </c>
    </row>
    <row r="2" spans="1:21" ht="22.5" customHeight="1" x14ac:dyDescent="0.4">
      <c r="B2" s="76" t="s">
        <v>6</v>
      </c>
    </row>
    <row r="3" spans="1:21" ht="22.5" customHeight="1" x14ac:dyDescent="0.4">
      <c r="B3" s="76" t="s">
        <v>7</v>
      </c>
    </row>
    <row r="4" spans="1:21" ht="22.5" customHeight="1" x14ac:dyDescent="0.4">
      <c r="A4" s="91"/>
      <c r="B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4"/>
      <c r="U4" s="15"/>
    </row>
    <row r="5" spans="1:21" ht="22.5" customHeight="1" x14ac:dyDescent="0.2">
      <c r="A5" s="16"/>
      <c r="C5" s="92"/>
      <c r="D5" s="92"/>
      <c r="E5" s="92"/>
      <c r="F5" s="92"/>
      <c r="G5" s="92"/>
      <c r="H5" s="92"/>
      <c r="I5" s="92"/>
      <c r="J5" s="92"/>
      <c r="K5" s="92"/>
      <c r="L5" s="92"/>
      <c r="M5" s="92"/>
      <c r="N5" s="92"/>
      <c r="O5" s="92"/>
      <c r="P5" s="92"/>
      <c r="Q5" s="92"/>
      <c r="R5" s="92"/>
      <c r="S5" s="92"/>
      <c r="T5" s="92"/>
      <c r="U5" s="18"/>
    </row>
    <row r="6" spans="1:21" ht="28.5" x14ac:dyDescent="0.3">
      <c r="A6" s="16"/>
      <c r="B6" s="136" t="s">
        <v>139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36"/>
      <c r="T6" s="93"/>
      <c r="U6" s="18"/>
    </row>
    <row r="7" spans="1:21" ht="22.5" customHeight="1" x14ac:dyDescent="0.4">
      <c r="A7" s="16"/>
      <c r="B7" s="137" t="s">
        <v>79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37"/>
      <c r="T7" s="94"/>
      <c r="U7" s="18"/>
    </row>
    <row r="8" spans="1:21" ht="22.5" customHeight="1" x14ac:dyDescent="0.4">
      <c r="A8" s="16"/>
      <c r="B8" s="95"/>
      <c r="C8" s="95"/>
      <c r="D8" s="95"/>
      <c r="E8" s="95"/>
      <c r="F8" s="95"/>
      <c r="G8" s="95"/>
      <c r="H8" s="95"/>
      <c r="I8" s="95"/>
      <c r="J8" s="95"/>
      <c r="K8" s="95"/>
      <c r="L8" s="135"/>
      <c r="M8" s="135"/>
      <c r="N8" s="135"/>
      <c r="O8" s="96"/>
      <c r="P8" s="96"/>
      <c r="Q8" s="96"/>
      <c r="R8" s="97"/>
      <c r="S8" s="95"/>
      <c r="T8" s="95"/>
      <c r="U8" s="18"/>
    </row>
    <row r="9" spans="1:21" ht="22.5" customHeight="1" x14ac:dyDescent="0.4">
      <c r="A9" s="16"/>
      <c r="B9" s="121"/>
      <c r="C9" s="121"/>
      <c r="D9" s="121"/>
      <c r="E9" s="98"/>
      <c r="F9" s="98"/>
      <c r="G9" s="98"/>
      <c r="I9" s="24"/>
      <c r="J9" s="24" t="s">
        <v>11</v>
      </c>
      <c r="L9" s="99"/>
      <c r="M9" s="99"/>
      <c r="N9" s="99"/>
      <c r="O9" s="99"/>
      <c r="P9" s="99"/>
      <c r="Q9" s="99"/>
      <c r="R9" s="99"/>
      <c r="S9" s="24"/>
      <c r="T9" s="24"/>
      <c r="U9" s="18"/>
    </row>
    <row r="10" spans="1:21" ht="22.5" customHeight="1" x14ac:dyDescent="0.4">
      <c r="A10" s="16"/>
      <c r="B10" s="27" t="s">
        <v>140</v>
      </c>
      <c r="C10" s="28"/>
      <c r="D10" s="28"/>
      <c r="E10" s="28"/>
      <c r="F10" s="28"/>
      <c r="G10" s="28"/>
      <c r="H10" s="28"/>
      <c r="I10" s="29"/>
      <c r="J10" s="32"/>
      <c r="K10" s="34"/>
      <c r="L10" s="27"/>
      <c r="M10" s="28" t="s">
        <v>141</v>
      </c>
      <c r="N10" s="28"/>
      <c r="O10" s="28"/>
      <c r="P10" s="28"/>
      <c r="Q10" s="28"/>
      <c r="R10" s="28"/>
      <c r="S10" s="29">
        <v>0</v>
      </c>
      <c r="T10" s="32"/>
      <c r="U10" s="18"/>
    </row>
    <row r="11" spans="1:21" ht="22.5" customHeight="1" x14ac:dyDescent="0.4">
      <c r="A11" s="16"/>
      <c r="B11" s="33"/>
      <c r="C11" s="34" t="s">
        <v>142</v>
      </c>
      <c r="D11" s="34"/>
      <c r="E11" s="34"/>
      <c r="F11" s="34"/>
      <c r="G11" s="34"/>
      <c r="H11" s="34"/>
      <c r="I11" s="35">
        <v>0</v>
      </c>
      <c r="J11" s="38"/>
      <c r="K11" s="34"/>
      <c r="L11" s="33"/>
      <c r="M11" s="34"/>
      <c r="N11" s="34" t="s">
        <v>143</v>
      </c>
      <c r="O11" s="34"/>
      <c r="P11" s="34"/>
      <c r="Q11" s="34"/>
      <c r="R11" s="34"/>
      <c r="S11" s="35">
        <v>0</v>
      </c>
      <c r="T11" s="38"/>
      <c r="U11" s="18"/>
    </row>
    <row r="12" spans="1:21" ht="22.5" customHeight="1" x14ac:dyDescent="0.4">
      <c r="A12" s="16"/>
      <c r="B12" s="33"/>
      <c r="C12" s="34"/>
      <c r="D12" s="34" t="s">
        <v>144</v>
      </c>
      <c r="E12" s="34"/>
      <c r="F12" s="34"/>
      <c r="G12" s="34"/>
      <c r="H12" s="34"/>
      <c r="I12" s="35">
        <v>0</v>
      </c>
      <c r="J12" s="38"/>
      <c r="K12" s="34"/>
      <c r="L12" s="33"/>
      <c r="M12" s="34"/>
      <c r="N12" s="34" t="s">
        <v>145</v>
      </c>
      <c r="O12" s="34"/>
      <c r="P12" s="34"/>
      <c r="Q12" s="34"/>
      <c r="R12" s="34"/>
      <c r="S12" s="35">
        <v>0</v>
      </c>
      <c r="T12" s="38"/>
      <c r="U12" s="18"/>
    </row>
    <row r="13" spans="1:21" ht="22.5" customHeight="1" x14ac:dyDescent="0.4">
      <c r="A13" s="16"/>
      <c r="B13" s="33"/>
      <c r="C13" s="34"/>
      <c r="D13" s="34" t="s">
        <v>146</v>
      </c>
      <c r="E13" s="34"/>
      <c r="F13" s="34"/>
      <c r="G13" s="34"/>
      <c r="H13" s="34"/>
      <c r="I13" s="35">
        <v>0</v>
      </c>
      <c r="J13" s="38"/>
      <c r="K13" s="34"/>
      <c r="L13" s="33"/>
      <c r="M13" s="34"/>
      <c r="N13" s="34"/>
      <c r="O13" s="34" t="s">
        <v>147</v>
      </c>
      <c r="P13" s="34"/>
      <c r="Q13" s="34"/>
      <c r="R13" s="34"/>
      <c r="S13" s="35">
        <v>0</v>
      </c>
      <c r="T13" s="38"/>
      <c r="U13" s="18"/>
    </row>
    <row r="14" spans="1:21" ht="22.5" customHeight="1" x14ac:dyDescent="0.4">
      <c r="A14" s="16"/>
      <c r="B14" s="33"/>
      <c r="C14" s="34"/>
      <c r="D14" s="34" t="s">
        <v>148</v>
      </c>
      <c r="E14" s="34"/>
      <c r="F14" s="34"/>
      <c r="G14" s="34"/>
      <c r="H14" s="34"/>
      <c r="I14" s="35">
        <v>0</v>
      </c>
      <c r="J14" s="38"/>
      <c r="K14" s="34"/>
      <c r="L14" s="33"/>
      <c r="M14" s="34"/>
      <c r="N14" s="34"/>
      <c r="O14" s="34" t="s">
        <v>149</v>
      </c>
      <c r="P14" s="34"/>
      <c r="Q14" s="34"/>
      <c r="R14" s="34"/>
      <c r="S14" s="35">
        <v>0</v>
      </c>
      <c r="T14" s="38"/>
      <c r="U14" s="18"/>
    </row>
    <row r="15" spans="1:21" ht="18.75" x14ac:dyDescent="0.4">
      <c r="A15" s="16"/>
      <c r="B15" s="33"/>
      <c r="C15" s="34"/>
      <c r="D15" s="34" t="s">
        <v>150</v>
      </c>
      <c r="E15" s="34"/>
      <c r="F15" s="34"/>
      <c r="G15" s="34"/>
      <c r="H15" s="34"/>
      <c r="I15" s="35">
        <v>0</v>
      </c>
      <c r="J15" s="38"/>
      <c r="K15" s="34"/>
      <c r="L15" s="33"/>
      <c r="M15" s="34"/>
      <c r="N15" s="34" t="s">
        <v>151</v>
      </c>
      <c r="O15" s="34"/>
      <c r="P15" s="34"/>
      <c r="Q15" s="34"/>
      <c r="R15" s="34"/>
      <c r="S15" s="35">
        <v>0</v>
      </c>
      <c r="T15" s="38"/>
      <c r="U15" s="18"/>
    </row>
    <row r="16" spans="1:21" ht="22.5" customHeight="1" x14ac:dyDescent="0.4">
      <c r="A16" s="16"/>
      <c r="B16" s="33"/>
      <c r="C16" s="34"/>
      <c r="D16" s="34" t="s">
        <v>152</v>
      </c>
      <c r="E16" s="34"/>
      <c r="F16" s="34"/>
      <c r="G16" s="34"/>
      <c r="H16" s="34"/>
      <c r="I16" s="35">
        <v>0</v>
      </c>
      <c r="J16" s="38"/>
      <c r="K16" s="34"/>
      <c r="L16" s="33"/>
      <c r="M16" s="34"/>
      <c r="N16" s="34" t="s">
        <v>153</v>
      </c>
      <c r="O16" s="34"/>
      <c r="P16" s="34"/>
      <c r="Q16" s="34"/>
      <c r="R16" s="34"/>
      <c r="S16" s="35">
        <v>0</v>
      </c>
      <c r="T16" s="38"/>
      <c r="U16" s="18"/>
    </row>
    <row r="17" spans="1:21" ht="22.5" customHeight="1" x14ac:dyDescent="0.4">
      <c r="A17" s="16"/>
      <c r="B17" s="33"/>
      <c r="C17" s="34"/>
      <c r="D17" s="34" t="s">
        <v>154</v>
      </c>
      <c r="E17" s="34"/>
      <c r="F17" s="34"/>
      <c r="G17" s="34"/>
      <c r="H17" s="34"/>
      <c r="I17" s="35">
        <v>0</v>
      </c>
      <c r="J17" s="38"/>
      <c r="K17" s="34"/>
      <c r="L17" s="33"/>
      <c r="M17" s="34"/>
      <c r="N17" s="34" t="s">
        <v>155</v>
      </c>
      <c r="O17" s="34"/>
      <c r="P17" s="34"/>
      <c r="Q17" s="34"/>
      <c r="R17" s="34"/>
      <c r="S17" s="35">
        <v>0</v>
      </c>
      <c r="T17" s="38"/>
      <c r="U17" s="18"/>
    </row>
    <row r="18" spans="1:21" ht="22.5" customHeight="1" x14ac:dyDescent="0.4">
      <c r="A18" s="16"/>
      <c r="B18" s="33"/>
      <c r="C18" s="34"/>
      <c r="D18" s="34" t="s">
        <v>156</v>
      </c>
      <c r="E18" s="34"/>
      <c r="F18" s="34"/>
      <c r="G18" s="34"/>
      <c r="H18" s="34"/>
      <c r="I18" s="35">
        <v>0</v>
      </c>
      <c r="J18" s="38"/>
      <c r="K18" s="34"/>
      <c r="L18" s="33"/>
      <c r="M18" s="34"/>
      <c r="N18" s="34"/>
      <c r="O18" s="34" t="s">
        <v>157</v>
      </c>
      <c r="P18" s="34"/>
      <c r="Q18" s="34"/>
      <c r="R18" s="34"/>
      <c r="S18" s="35">
        <v>0</v>
      </c>
      <c r="T18" s="38"/>
      <c r="U18" s="18"/>
    </row>
    <row r="19" spans="1:21" ht="22.5" customHeight="1" x14ac:dyDescent="0.4">
      <c r="A19" s="16"/>
      <c r="B19" s="33"/>
      <c r="C19" s="34"/>
      <c r="D19" s="34" t="s">
        <v>158</v>
      </c>
      <c r="E19" s="34"/>
      <c r="F19" s="34"/>
      <c r="G19" s="34"/>
      <c r="H19" s="34"/>
      <c r="I19" s="35">
        <v>0</v>
      </c>
      <c r="J19" s="38"/>
      <c r="K19" s="34"/>
      <c r="L19" s="33"/>
      <c r="M19" s="34"/>
      <c r="N19" s="34"/>
      <c r="O19" s="34" t="s">
        <v>159</v>
      </c>
      <c r="P19" s="34"/>
      <c r="Q19" s="34"/>
      <c r="R19" s="34"/>
      <c r="S19" s="35">
        <v>0</v>
      </c>
      <c r="T19" s="38"/>
      <c r="U19" s="18"/>
    </row>
    <row r="20" spans="1:21" ht="22.5" customHeight="1" x14ac:dyDescent="0.4">
      <c r="A20" s="16"/>
      <c r="B20" s="33"/>
      <c r="C20" s="34"/>
      <c r="D20" s="34" t="s">
        <v>160</v>
      </c>
      <c r="E20" s="34"/>
      <c r="F20" s="34"/>
      <c r="G20" s="34"/>
      <c r="H20" s="34"/>
      <c r="I20" s="35">
        <v>0</v>
      </c>
      <c r="J20" s="38"/>
      <c r="K20" s="34"/>
      <c r="L20" s="33"/>
      <c r="M20" s="34"/>
      <c r="N20" s="34"/>
      <c r="O20" s="34" t="s">
        <v>161</v>
      </c>
      <c r="P20" s="34"/>
      <c r="Q20" s="34"/>
      <c r="R20" s="34"/>
      <c r="S20" s="35">
        <v>0</v>
      </c>
      <c r="T20" s="38"/>
      <c r="U20" s="18"/>
    </row>
    <row r="21" spans="1:21" ht="22.5" customHeight="1" x14ac:dyDescent="0.4">
      <c r="A21" s="16"/>
      <c r="B21" s="33"/>
      <c r="C21" s="34"/>
      <c r="D21" s="34" t="s">
        <v>162</v>
      </c>
      <c r="E21" s="34"/>
      <c r="F21" s="34"/>
      <c r="G21" s="34"/>
      <c r="H21" s="34"/>
      <c r="I21" s="35">
        <v>0</v>
      </c>
      <c r="J21" s="38"/>
      <c r="K21" s="34"/>
      <c r="L21" s="33"/>
      <c r="M21" s="34"/>
      <c r="N21" s="34" t="s">
        <v>163</v>
      </c>
      <c r="O21" s="34"/>
      <c r="P21" s="34"/>
      <c r="Q21" s="34"/>
      <c r="R21" s="34"/>
      <c r="S21" s="35">
        <v>0</v>
      </c>
      <c r="T21" s="38"/>
      <c r="U21" s="18"/>
    </row>
    <row r="22" spans="1:21" ht="22.5" customHeight="1" x14ac:dyDescent="0.4">
      <c r="A22" s="16"/>
      <c r="B22" s="33"/>
      <c r="C22" s="34"/>
      <c r="D22" s="34"/>
      <c r="E22" s="34" t="s">
        <v>164</v>
      </c>
      <c r="F22" s="34"/>
      <c r="G22" s="34"/>
      <c r="H22" s="34"/>
      <c r="I22" s="35">
        <v>0</v>
      </c>
      <c r="J22" s="38"/>
      <c r="K22" s="34"/>
      <c r="L22" s="41" t="s">
        <v>165</v>
      </c>
      <c r="M22" s="43"/>
      <c r="N22" s="43"/>
      <c r="O22" s="43"/>
      <c r="P22" s="43"/>
      <c r="Q22" s="43"/>
      <c r="R22" s="43"/>
      <c r="S22" s="46">
        <v>0</v>
      </c>
      <c r="T22" s="47"/>
      <c r="U22" s="18"/>
    </row>
    <row r="23" spans="1:21" ht="22.5" customHeight="1" x14ac:dyDescent="0.4">
      <c r="A23" s="16"/>
      <c r="B23" s="33"/>
      <c r="C23" s="34"/>
      <c r="D23" s="34"/>
      <c r="E23" s="34" t="s">
        <v>166</v>
      </c>
      <c r="F23" s="34"/>
      <c r="G23" s="34"/>
      <c r="H23" s="34"/>
      <c r="I23" s="35">
        <v>0</v>
      </c>
      <c r="J23" s="38"/>
      <c r="K23" s="34"/>
      <c r="L23" s="100" t="s">
        <v>167</v>
      </c>
      <c r="M23" s="34"/>
      <c r="N23" s="34"/>
      <c r="O23" s="34"/>
      <c r="P23" s="34"/>
      <c r="Q23" s="34"/>
      <c r="R23" s="34"/>
      <c r="S23" s="35"/>
      <c r="T23" s="38"/>
      <c r="U23" s="18"/>
    </row>
    <row r="24" spans="1:21" ht="22.5" customHeight="1" x14ac:dyDescent="0.4">
      <c r="A24" s="16"/>
      <c r="B24" s="33"/>
      <c r="C24" s="34"/>
      <c r="D24" s="34"/>
      <c r="E24" s="34" t="s">
        <v>168</v>
      </c>
      <c r="F24" s="34"/>
      <c r="G24" s="34"/>
      <c r="H24" s="34"/>
      <c r="I24" s="35">
        <v>0</v>
      </c>
      <c r="J24" s="38"/>
      <c r="K24" s="34"/>
      <c r="L24" s="33"/>
      <c r="M24" s="37" t="s">
        <v>169</v>
      </c>
      <c r="N24" s="34"/>
      <c r="O24" s="34"/>
      <c r="P24" s="34"/>
      <c r="Q24" s="34"/>
      <c r="R24" s="34"/>
      <c r="S24" s="35">
        <v>0</v>
      </c>
      <c r="T24" s="38"/>
      <c r="U24" s="18"/>
    </row>
    <row r="25" spans="1:21" ht="22.5" customHeight="1" x14ac:dyDescent="0.4">
      <c r="A25" s="16"/>
      <c r="B25" s="33"/>
      <c r="C25" s="34"/>
      <c r="D25" s="34" t="s">
        <v>94</v>
      </c>
      <c r="E25" s="34"/>
      <c r="F25" s="34"/>
      <c r="G25" s="34"/>
      <c r="H25" s="34"/>
      <c r="I25" s="35">
        <v>0</v>
      </c>
      <c r="J25" s="38"/>
      <c r="K25" s="34"/>
      <c r="L25" s="33"/>
      <c r="M25" s="34"/>
      <c r="N25" s="34" t="s">
        <v>170</v>
      </c>
      <c r="O25" s="34"/>
      <c r="P25" s="34"/>
      <c r="Q25" s="34"/>
      <c r="R25" s="34"/>
      <c r="S25" s="35">
        <v>0</v>
      </c>
      <c r="T25" s="38"/>
      <c r="U25" s="18"/>
    </row>
    <row r="26" spans="1:21" ht="22.5" customHeight="1" x14ac:dyDescent="0.4">
      <c r="A26" s="16"/>
      <c r="B26" s="33"/>
      <c r="C26" s="34"/>
      <c r="D26" s="34" t="s">
        <v>171</v>
      </c>
      <c r="E26" s="34"/>
      <c r="F26" s="34"/>
      <c r="G26" s="34"/>
      <c r="H26" s="34"/>
      <c r="I26" s="35">
        <v>0</v>
      </c>
      <c r="J26" s="38"/>
      <c r="K26" s="34"/>
      <c r="L26" s="33"/>
      <c r="M26" s="34"/>
      <c r="N26" s="34" t="s">
        <v>172</v>
      </c>
      <c r="O26" s="34"/>
      <c r="P26" s="34"/>
      <c r="Q26" s="34"/>
      <c r="R26" s="34"/>
      <c r="S26" s="35">
        <v>0</v>
      </c>
      <c r="T26" s="38"/>
      <c r="U26" s="18"/>
    </row>
    <row r="27" spans="1:21" ht="22.5" customHeight="1" x14ac:dyDescent="0.4">
      <c r="A27" s="16"/>
      <c r="B27" s="33"/>
      <c r="C27" s="34"/>
      <c r="D27" s="34" t="s">
        <v>173</v>
      </c>
      <c r="E27" s="34"/>
      <c r="F27" s="34"/>
      <c r="G27" s="34"/>
      <c r="H27" s="34"/>
      <c r="I27" s="35">
        <v>0</v>
      </c>
      <c r="J27" s="38"/>
      <c r="K27" s="34"/>
      <c r="L27" s="33"/>
      <c r="M27" s="34"/>
      <c r="N27" s="34" t="s">
        <v>162</v>
      </c>
      <c r="O27" s="34"/>
      <c r="P27" s="34"/>
      <c r="Q27" s="34"/>
      <c r="R27" s="34"/>
      <c r="S27" s="35">
        <v>0</v>
      </c>
      <c r="T27" s="38"/>
      <c r="U27" s="18"/>
    </row>
    <row r="28" spans="1:21" ht="22.5" customHeight="1" x14ac:dyDescent="0.4">
      <c r="A28" s="16"/>
      <c r="B28" s="33"/>
      <c r="C28" s="34" t="s">
        <v>174</v>
      </c>
      <c r="D28" s="34"/>
      <c r="E28" s="34"/>
      <c r="F28" s="34"/>
      <c r="G28" s="34"/>
      <c r="H28" s="34"/>
      <c r="I28" s="35">
        <v>1936824</v>
      </c>
      <c r="J28" s="38"/>
      <c r="K28" s="34"/>
      <c r="L28" s="33"/>
      <c r="M28" s="34"/>
      <c r="N28" s="34"/>
      <c r="O28" s="34" t="s">
        <v>164</v>
      </c>
      <c r="P28" s="34"/>
      <c r="Q28" s="34"/>
      <c r="R28" s="34"/>
      <c r="S28" s="35">
        <v>0</v>
      </c>
      <c r="T28" s="38"/>
      <c r="U28" s="18"/>
    </row>
    <row r="29" spans="1:21" ht="22.5" customHeight="1" x14ac:dyDescent="0.4">
      <c r="A29" s="16"/>
      <c r="B29" s="33"/>
      <c r="C29" s="34"/>
      <c r="D29" s="34" t="s">
        <v>175</v>
      </c>
      <c r="E29" s="34"/>
      <c r="F29" s="34"/>
      <c r="G29" s="34"/>
      <c r="H29" s="34"/>
      <c r="I29" s="35">
        <v>1936824</v>
      </c>
      <c r="J29" s="38"/>
      <c r="K29" s="34"/>
      <c r="L29" s="33"/>
      <c r="M29" s="34"/>
      <c r="N29" s="34"/>
      <c r="O29" s="34" t="s">
        <v>166</v>
      </c>
      <c r="P29" s="34"/>
      <c r="Q29" s="34"/>
      <c r="R29" s="34"/>
      <c r="S29" s="35">
        <v>0</v>
      </c>
      <c r="T29" s="38"/>
      <c r="U29" s="18"/>
    </row>
    <row r="30" spans="1:21" ht="22.5" customHeight="1" x14ac:dyDescent="0.4">
      <c r="A30" s="16"/>
      <c r="B30" s="33"/>
      <c r="C30" s="34"/>
      <c r="D30" s="34" t="s">
        <v>176</v>
      </c>
      <c r="E30" s="34"/>
      <c r="F30" s="34"/>
      <c r="G30" s="34"/>
      <c r="H30" s="34"/>
      <c r="I30" s="35">
        <v>0</v>
      </c>
      <c r="J30" s="38"/>
      <c r="K30" s="34"/>
      <c r="L30" s="33"/>
      <c r="M30" s="34"/>
      <c r="N30" s="34"/>
      <c r="O30" s="34" t="s">
        <v>168</v>
      </c>
      <c r="P30" s="34"/>
      <c r="Q30" s="34"/>
      <c r="R30" s="34"/>
      <c r="S30" s="35">
        <v>0</v>
      </c>
      <c r="T30" s="38"/>
      <c r="U30" s="18"/>
    </row>
    <row r="31" spans="1:21" ht="22.5" customHeight="1" x14ac:dyDescent="0.4">
      <c r="A31" s="16"/>
      <c r="B31" s="33"/>
      <c r="C31" s="34"/>
      <c r="D31" s="34" t="s">
        <v>177</v>
      </c>
      <c r="E31" s="34"/>
      <c r="F31" s="34"/>
      <c r="G31" s="34"/>
      <c r="H31" s="34"/>
      <c r="I31" s="35">
        <v>0</v>
      </c>
      <c r="J31" s="38"/>
      <c r="K31" s="34"/>
      <c r="L31" s="33"/>
      <c r="M31" s="34"/>
      <c r="N31" s="34" t="s">
        <v>178</v>
      </c>
      <c r="O31" s="34"/>
      <c r="P31" s="34"/>
      <c r="Q31" s="34"/>
      <c r="R31" s="34"/>
      <c r="S31" s="35">
        <v>0</v>
      </c>
      <c r="T31" s="38"/>
      <c r="U31" s="18"/>
    </row>
    <row r="32" spans="1:21" ht="22.5" customHeight="1" x14ac:dyDescent="0.4">
      <c r="A32" s="16"/>
      <c r="B32" s="33"/>
      <c r="C32" s="34"/>
      <c r="D32" s="34" t="s">
        <v>179</v>
      </c>
      <c r="E32" s="34"/>
      <c r="F32" s="34"/>
      <c r="G32" s="34"/>
      <c r="H32" s="34"/>
      <c r="I32" s="35">
        <v>0</v>
      </c>
      <c r="J32" s="38"/>
      <c r="K32" s="34"/>
      <c r="L32" s="33"/>
      <c r="M32" s="34" t="s">
        <v>180</v>
      </c>
      <c r="N32" s="34"/>
      <c r="O32" s="34"/>
      <c r="P32" s="34"/>
      <c r="Q32" s="34"/>
      <c r="R32" s="34"/>
      <c r="S32" s="35">
        <v>0</v>
      </c>
      <c r="T32" s="38"/>
      <c r="U32" s="18"/>
    </row>
    <row r="33" spans="1:21" ht="22.5" customHeight="1" x14ac:dyDescent="0.4">
      <c r="A33" s="16"/>
      <c r="B33" s="33"/>
      <c r="C33" s="34"/>
      <c r="D33" s="34" t="s">
        <v>181</v>
      </c>
      <c r="E33" s="34"/>
      <c r="F33" s="34"/>
      <c r="G33" s="34"/>
      <c r="H33" s="34"/>
      <c r="I33" s="35">
        <v>0</v>
      </c>
      <c r="J33" s="38"/>
      <c r="K33" s="34"/>
      <c r="L33" s="33"/>
      <c r="M33" s="34"/>
      <c r="N33" s="34" t="s">
        <v>182</v>
      </c>
      <c r="O33" s="34"/>
      <c r="P33" s="34"/>
      <c r="Q33" s="34"/>
      <c r="R33" s="34"/>
      <c r="S33" s="35">
        <v>0</v>
      </c>
      <c r="T33" s="38"/>
      <c r="U33" s="18"/>
    </row>
    <row r="34" spans="1:21" ht="22.5" customHeight="1" x14ac:dyDescent="0.4">
      <c r="A34" s="16"/>
      <c r="B34" s="33"/>
      <c r="C34" s="34"/>
      <c r="D34" s="34" t="s">
        <v>183</v>
      </c>
      <c r="E34" s="34"/>
      <c r="F34" s="34"/>
      <c r="G34" s="34"/>
      <c r="H34" s="34"/>
      <c r="I34" s="35">
        <v>0</v>
      </c>
      <c r="J34" s="38"/>
      <c r="K34" s="34"/>
      <c r="L34" s="33"/>
      <c r="M34" s="34"/>
      <c r="N34" s="34" t="s">
        <v>184</v>
      </c>
      <c r="O34" s="34"/>
      <c r="P34" s="34"/>
      <c r="Q34" s="34"/>
      <c r="R34" s="34"/>
      <c r="S34" s="35">
        <v>0</v>
      </c>
      <c r="T34" s="38"/>
      <c r="U34" s="18"/>
    </row>
    <row r="35" spans="1:21" ht="22.5" customHeight="1" x14ac:dyDescent="0.4">
      <c r="A35" s="16"/>
      <c r="B35" s="33"/>
      <c r="C35" s="34"/>
      <c r="D35" s="34" t="s">
        <v>155</v>
      </c>
      <c r="E35" s="34"/>
      <c r="F35" s="34"/>
      <c r="G35" s="34"/>
      <c r="H35" s="34"/>
      <c r="I35" s="35">
        <v>0</v>
      </c>
      <c r="J35" s="38"/>
      <c r="K35" s="34"/>
      <c r="L35" s="33"/>
      <c r="M35" s="34"/>
      <c r="N35" s="34" t="s">
        <v>185</v>
      </c>
      <c r="O35" s="34"/>
      <c r="P35" s="34"/>
      <c r="Q35" s="34"/>
      <c r="R35" s="34"/>
      <c r="S35" s="35">
        <v>0</v>
      </c>
      <c r="T35" s="38"/>
      <c r="U35" s="18"/>
    </row>
    <row r="36" spans="1:21" ht="22.5" customHeight="1" x14ac:dyDescent="0.4">
      <c r="A36" s="16"/>
      <c r="B36" s="33"/>
      <c r="C36" s="34"/>
      <c r="D36" s="34"/>
      <c r="E36" s="34" t="s">
        <v>157</v>
      </c>
      <c r="F36" s="34"/>
      <c r="G36" s="34"/>
      <c r="H36" s="34"/>
      <c r="I36" s="35">
        <v>0</v>
      </c>
      <c r="J36" s="38"/>
      <c r="K36" s="34"/>
      <c r="L36" s="33"/>
      <c r="M36" s="34"/>
      <c r="N36" s="34" t="s">
        <v>155</v>
      </c>
      <c r="O36" s="34"/>
      <c r="P36" s="34"/>
      <c r="Q36" s="34"/>
      <c r="R36" s="34"/>
      <c r="S36" s="35">
        <v>0</v>
      </c>
      <c r="T36" s="38"/>
      <c r="U36" s="18"/>
    </row>
    <row r="37" spans="1:21" ht="22.5" customHeight="1" x14ac:dyDescent="0.4">
      <c r="A37" s="16"/>
      <c r="B37" s="33"/>
      <c r="C37" s="34"/>
      <c r="D37" s="34"/>
      <c r="E37" s="34" t="s">
        <v>159</v>
      </c>
      <c r="F37" s="34"/>
      <c r="G37" s="34"/>
      <c r="H37" s="34"/>
      <c r="I37" s="35">
        <v>0</v>
      </c>
      <c r="J37" s="38"/>
      <c r="K37" s="34"/>
      <c r="L37" s="33"/>
      <c r="M37" s="34"/>
      <c r="N37" s="34"/>
      <c r="O37" s="34" t="s">
        <v>157</v>
      </c>
      <c r="P37" s="34"/>
      <c r="Q37" s="34"/>
      <c r="R37" s="34"/>
      <c r="S37" s="35">
        <v>0</v>
      </c>
      <c r="T37" s="38"/>
      <c r="U37" s="18"/>
    </row>
    <row r="38" spans="1:21" ht="22.5" customHeight="1" x14ac:dyDescent="0.4">
      <c r="A38" s="16"/>
      <c r="B38" s="33"/>
      <c r="C38" s="34"/>
      <c r="D38" s="34"/>
      <c r="E38" s="34" t="s">
        <v>161</v>
      </c>
      <c r="F38" s="34"/>
      <c r="G38" s="34"/>
      <c r="H38" s="34"/>
      <c r="I38" s="35">
        <v>0</v>
      </c>
      <c r="J38" s="38"/>
      <c r="K38" s="34"/>
      <c r="L38" s="33"/>
      <c r="M38" s="34"/>
      <c r="N38" s="34"/>
      <c r="O38" s="34" t="s">
        <v>159</v>
      </c>
      <c r="P38" s="34"/>
      <c r="Q38" s="34"/>
      <c r="R38" s="34"/>
      <c r="S38" s="35">
        <v>0</v>
      </c>
      <c r="T38" s="38"/>
      <c r="U38" s="18"/>
    </row>
    <row r="39" spans="1:21" ht="22.5" customHeight="1" x14ac:dyDescent="0.4">
      <c r="A39" s="16"/>
      <c r="B39" s="33"/>
      <c r="C39" s="34"/>
      <c r="D39" s="34" t="s">
        <v>186</v>
      </c>
      <c r="E39" s="34"/>
      <c r="F39" s="34"/>
      <c r="G39" s="34"/>
      <c r="H39" s="34"/>
      <c r="I39" s="35">
        <v>0</v>
      </c>
      <c r="J39" s="38"/>
      <c r="K39" s="34"/>
      <c r="L39" s="33"/>
      <c r="M39" s="34"/>
      <c r="N39" s="34"/>
      <c r="O39" s="34" t="s">
        <v>161</v>
      </c>
      <c r="P39" s="34"/>
      <c r="Q39" s="34"/>
      <c r="R39" s="34"/>
      <c r="S39" s="35">
        <v>0</v>
      </c>
      <c r="T39" s="38"/>
      <c r="U39" s="18"/>
    </row>
    <row r="40" spans="1:21" ht="22.5" customHeight="1" x14ac:dyDescent="0.4">
      <c r="A40" s="16"/>
      <c r="B40" s="41" t="s">
        <v>187</v>
      </c>
      <c r="C40" s="43"/>
      <c r="D40" s="43"/>
      <c r="E40" s="43"/>
      <c r="F40" s="43"/>
      <c r="G40" s="43"/>
      <c r="H40" s="43"/>
      <c r="I40" s="46">
        <v>-1936824</v>
      </c>
      <c r="J40" s="47"/>
      <c r="K40" s="34"/>
      <c r="L40" s="33"/>
      <c r="M40" s="34"/>
      <c r="N40" s="34" t="s">
        <v>188</v>
      </c>
      <c r="O40" s="34"/>
      <c r="P40" s="34"/>
      <c r="Q40" s="34"/>
      <c r="R40" s="34"/>
      <c r="S40" s="35">
        <v>0</v>
      </c>
      <c r="T40" s="38"/>
      <c r="U40" s="18"/>
    </row>
    <row r="41" spans="1:21" ht="22.5" customHeight="1" x14ac:dyDescent="0.4">
      <c r="A41" s="16"/>
      <c r="B41" s="33" t="s">
        <v>189</v>
      </c>
      <c r="C41" s="34"/>
      <c r="D41" s="34"/>
      <c r="E41" s="34"/>
      <c r="F41" s="34"/>
      <c r="G41" s="34"/>
      <c r="H41" s="34"/>
      <c r="I41" s="35"/>
      <c r="J41" s="38"/>
      <c r="K41" s="34"/>
      <c r="L41" s="41" t="s">
        <v>190</v>
      </c>
      <c r="M41" s="43"/>
      <c r="N41" s="43"/>
      <c r="O41" s="43"/>
      <c r="P41" s="43"/>
      <c r="Q41" s="43"/>
      <c r="R41" s="43"/>
      <c r="S41" s="46">
        <v>0</v>
      </c>
      <c r="T41" s="47"/>
      <c r="U41" s="18"/>
    </row>
    <row r="42" spans="1:21" ht="22.5" customHeight="1" x14ac:dyDescent="0.4">
      <c r="A42" s="16"/>
      <c r="B42" s="33"/>
      <c r="C42" s="34" t="s">
        <v>191</v>
      </c>
      <c r="D42" s="34"/>
      <c r="E42" s="34"/>
      <c r="F42" s="34"/>
      <c r="G42" s="34"/>
      <c r="H42" s="34"/>
      <c r="I42" s="35">
        <v>0</v>
      </c>
      <c r="J42" s="38"/>
      <c r="K42" s="34"/>
      <c r="L42" s="41" t="s">
        <v>192</v>
      </c>
      <c r="M42" s="43"/>
      <c r="N42" s="43"/>
      <c r="O42" s="43"/>
      <c r="P42" s="43"/>
      <c r="Q42" s="43"/>
      <c r="R42" s="43"/>
      <c r="S42" s="46">
        <v>-1936824</v>
      </c>
      <c r="T42" s="47"/>
      <c r="U42" s="18"/>
    </row>
    <row r="43" spans="1:21" ht="22.5" customHeight="1" x14ac:dyDescent="0.4">
      <c r="A43" s="16"/>
      <c r="B43" s="33"/>
      <c r="C43" s="34"/>
      <c r="D43" s="34" t="s">
        <v>193</v>
      </c>
      <c r="E43" s="34"/>
      <c r="F43" s="34"/>
      <c r="G43" s="34"/>
      <c r="H43" s="34"/>
      <c r="I43" s="35">
        <v>0</v>
      </c>
      <c r="J43" s="38"/>
      <c r="K43" s="34"/>
      <c r="L43" s="41" t="s">
        <v>128</v>
      </c>
      <c r="M43" s="43"/>
      <c r="N43" s="43"/>
      <c r="O43" s="43"/>
      <c r="P43" s="43"/>
      <c r="Q43" s="43"/>
      <c r="R43" s="43"/>
      <c r="S43" s="46">
        <v>1936824</v>
      </c>
      <c r="T43" s="47"/>
      <c r="U43" s="18"/>
    </row>
    <row r="44" spans="1:21" ht="22.5" customHeight="1" x14ac:dyDescent="0.4">
      <c r="A44" s="16"/>
      <c r="B44" s="33"/>
      <c r="C44" s="34"/>
      <c r="D44" s="34" t="s">
        <v>194</v>
      </c>
      <c r="E44" s="34"/>
      <c r="F44" s="34"/>
      <c r="G44" s="34"/>
      <c r="H44" s="34"/>
      <c r="I44" s="35">
        <v>0</v>
      </c>
      <c r="J44" s="38"/>
      <c r="K44" s="34"/>
      <c r="L44" s="41" t="s">
        <v>195</v>
      </c>
      <c r="M44" s="43"/>
      <c r="N44" s="43"/>
      <c r="O44" s="43"/>
      <c r="P44" s="43"/>
      <c r="Q44" s="43"/>
      <c r="R44" s="43"/>
      <c r="S44" s="46">
        <v>0</v>
      </c>
      <c r="T44" s="47"/>
      <c r="U44" s="18"/>
    </row>
    <row r="45" spans="1:21" ht="22.5" customHeight="1" x14ac:dyDescent="0.4">
      <c r="A45" s="16"/>
      <c r="B45" s="33"/>
      <c r="C45" s="34"/>
      <c r="D45" s="34"/>
      <c r="E45" s="34" t="s">
        <v>196</v>
      </c>
      <c r="F45" s="34"/>
      <c r="G45" s="34"/>
      <c r="H45" s="34"/>
      <c r="I45" s="35">
        <v>0</v>
      </c>
      <c r="J45" s="38"/>
      <c r="K45" s="34"/>
      <c r="L45" s="41" t="s">
        <v>197</v>
      </c>
      <c r="M45" s="43"/>
      <c r="N45" s="43"/>
      <c r="O45" s="43"/>
      <c r="P45" s="43"/>
      <c r="Q45" s="43"/>
      <c r="R45" s="43"/>
      <c r="S45" s="46">
        <v>0</v>
      </c>
      <c r="T45" s="47"/>
      <c r="U45" s="18"/>
    </row>
    <row r="46" spans="1:21" ht="22.5" customHeight="1" x14ac:dyDescent="0.4">
      <c r="A46" s="16"/>
      <c r="B46" s="33"/>
      <c r="C46" s="34"/>
      <c r="D46" s="34"/>
      <c r="E46" s="34" t="s">
        <v>198</v>
      </c>
      <c r="F46" s="34"/>
      <c r="G46" s="34"/>
      <c r="H46" s="34"/>
      <c r="I46" s="35">
        <v>0</v>
      </c>
      <c r="J46" s="38"/>
      <c r="K46" s="34"/>
      <c r="L46" s="34"/>
      <c r="M46" s="34"/>
      <c r="N46" s="34"/>
      <c r="O46" s="34"/>
      <c r="P46" s="34"/>
      <c r="Q46" s="34"/>
      <c r="R46" s="34"/>
      <c r="S46" s="35"/>
      <c r="T46" s="35"/>
      <c r="U46" s="18"/>
    </row>
    <row r="47" spans="1:21" ht="22.5" customHeight="1" x14ac:dyDescent="0.4">
      <c r="A47" s="16"/>
      <c r="B47" s="33"/>
      <c r="C47" s="34"/>
      <c r="D47" s="34" t="s">
        <v>199</v>
      </c>
      <c r="E47" s="34"/>
      <c r="F47" s="34"/>
      <c r="G47" s="34"/>
      <c r="H47" s="34"/>
      <c r="I47" s="35">
        <v>0</v>
      </c>
      <c r="J47" s="38"/>
      <c r="K47" s="34"/>
      <c r="L47" s="34"/>
      <c r="M47" s="34"/>
      <c r="N47" s="34"/>
      <c r="O47" s="34"/>
      <c r="P47" s="34"/>
      <c r="Q47" s="34"/>
      <c r="R47" s="34"/>
      <c r="S47" s="35"/>
      <c r="T47" s="35"/>
      <c r="U47" s="18"/>
    </row>
    <row r="48" spans="1:21" ht="22.5" customHeight="1" x14ac:dyDescent="0.4">
      <c r="A48" s="16"/>
      <c r="B48" s="33"/>
      <c r="C48" s="34"/>
      <c r="D48" s="34" t="s">
        <v>162</v>
      </c>
      <c r="E48" s="34"/>
      <c r="F48" s="34"/>
      <c r="G48" s="34"/>
      <c r="H48" s="34"/>
      <c r="I48" s="35">
        <v>0</v>
      </c>
      <c r="J48" s="38"/>
      <c r="K48" s="34"/>
      <c r="L48" s="34"/>
      <c r="M48" s="34"/>
      <c r="N48" s="34"/>
      <c r="O48" s="34"/>
      <c r="P48" s="34"/>
      <c r="Q48" s="34"/>
      <c r="R48" s="34"/>
      <c r="S48" s="35"/>
      <c r="T48" s="35"/>
      <c r="U48" s="18"/>
    </row>
    <row r="49" spans="1:21" ht="22.5" customHeight="1" x14ac:dyDescent="0.4">
      <c r="A49" s="16"/>
      <c r="B49" s="33"/>
      <c r="C49" s="34"/>
      <c r="D49" s="34"/>
      <c r="E49" s="34" t="s">
        <v>164</v>
      </c>
      <c r="F49" s="34"/>
      <c r="G49" s="34"/>
      <c r="H49" s="34"/>
      <c r="I49" s="35">
        <v>0</v>
      </c>
      <c r="J49" s="38"/>
      <c r="K49" s="34"/>
      <c r="L49" s="34"/>
      <c r="M49" s="34"/>
      <c r="N49" s="34"/>
      <c r="O49" s="34"/>
      <c r="P49" s="34"/>
      <c r="Q49" s="34"/>
      <c r="R49" s="34"/>
      <c r="S49" s="35"/>
      <c r="T49" s="35"/>
      <c r="U49" s="18"/>
    </row>
    <row r="50" spans="1:21" ht="22.5" customHeight="1" x14ac:dyDescent="0.4">
      <c r="A50" s="16"/>
      <c r="B50" s="33"/>
      <c r="C50" s="34"/>
      <c r="D50" s="34"/>
      <c r="E50" s="34" t="s">
        <v>166</v>
      </c>
      <c r="F50" s="34"/>
      <c r="G50" s="34"/>
      <c r="H50" s="34"/>
      <c r="I50" s="35">
        <v>0</v>
      </c>
      <c r="J50" s="38"/>
      <c r="K50" s="34"/>
      <c r="L50" s="34"/>
      <c r="M50" s="34"/>
      <c r="N50" s="34"/>
      <c r="O50" s="34"/>
      <c r="P50" s="34"/>
      <c r="Q50" s="34"/>
      <c r="R50" s="34"/>
      <c r="S50" s="35"/>
      <c r="T50" s="35"/>
      <c r="U50" s="18"/>
    </row>
    <row r="51" spans="1:21" ht="22.5" customHeight="1" x14ac:dyDescent="0.4">
      <c r="A51" s="16"/>
      <c r="B51" s="33"/>
      <c r="C51" s="34"/>
      <c r="D51" s="34"/>
      <c r="E51" s="34" t="s">
        <v>168</v>
      </c>
      <c r="F51" s="34"/>
      <c r="G51" s="34"/>
      <c r="H51" s="34"/>
      <c r="I51" s="35">
        <v>0</v>
      </c>
      <c r="J51" s="38"/>
      <c r="K51" s="34"/>
      <c r="L51" s="34"/>
      <c r="M51" s="34"/>
      <c r="N51" s="34"/>
      <c r="O51" s="34"/>
      <c r="P51" s="34"/>
      <c r="Q51" s="34"/>
      <c r="R51" s="34"/>
      <c r="S51" s="35"/>
      <c r="T51" s="35"/>
      <c r="U51" s="18"/>
    </row>
    <row r="52" spans="1:21" ht="22.5" customHeight="1" x14ac:dyDescent="0.4">
      <c r="A52" s="16"/>
      <c r="B52" s="33"/>
      <c r="C52" s="34"/>
      <c r="D52" s="34" t="s">
        <v>200</v>
      </c>
      <c r="E52" s="34"/>
      <c r="F52" s="34"/>
      <c r="G52" s="34"/>
      <c r="H52" s="34"/>
      <c r="I52" s="35">
        <v>0</v>
      </c>
      <c r="J52" s="38"/>
      <c r="K52" s="34"/>
      <c r="L52" s="34"/>
      <c r="M52" s="34"/>
      <c r="N52" s="34"/>
      <c r="O52" s="34"/>
      <c r="P52" s="34"/>
      <c r="Q52" s="34"/>
      <c r="R52" s="34"/>
      <c r="S52" s="35"/>
      <c r="T52" s="35"/>
      <c r="U52" s="18"/>
    </row>
    <row r="53" spans="1:21" ht="22.5" customHeight="1" x14ac:dyDescent="0.4">
      <c r="A53" s="16"/>
      <c r="B53" s="71"/>
      <c r="C53" s="72"/>
      <c r="D53" s="72" t="s">
        <v>201</v>
      </c>
      <c r="E53" s="72"/>
      <c r="F53" s="72"/>
      <c r="G53" s="72"/>
      <c r="H53" s="72"/>
      <c r="I53" s="64">
        <v>0</v>
      </c>
      <c r="J53" s="101"/>
      <c r="K53" s="34"/>
      <c r="L53" s="34"/>
      <c r="M53" s="34"/>
      <c r="N53" s="34"/>
      <c r="O53" s="34"/>
      <c r="P53" s="34"/>
      <c r="Q53" s="34"/>
      <c r="R53" s="34"/>
      <c r="S53" s="35"/>
      <c r="T53" s="35"/>
      <c r="U53" s="18"/>
    </row>
    <row r="54" spans="1:21" ht="22.5" customHeight="1" x14ac:dyDescent="0.4">
      <c r="A54" s="16"/>
      <c r="B54" s="34"/>
      <c r="C54" s="34"/>
      <c r="D54" s="34"/>
      <c r="E54" s="34"/>
      <c r="F54" s="34"/>
      <c r="G54" s="34"/>
      <c r="H54" s="34"/>
      <c r="I54" s="35"/>
      <c r="J54" s="35"/>
      <c r="K54" s="34"/>
      <c r="L54" s="34"/>
      <c r="M54" s="34"/>
      <c r="N54" s="34"/>
      <c r="O54" s="34"/>
      <c r="P54" s="34"/>
      <c r="Q54" s="34"/>
      <c r="R54" s="34"/>
      <c r="S54" s="35"/>
      <c r="T54" s="35"/>
      <c r="U54" s="18"/>
    </row>
    <row r="55" spans="1:21" ht="22.5" customHeight="1" x14ac:dyDescent="0.4">
      <c r="A55" s="16"/>
      <c r="B55" s="34"/>
      <c r="C55" s="34"/>
      <c r="D55" s="34"/>
      <c r="E55" s="34"/>
      <c r="F55" s="34"/>
      <c r="G55" s="34"/>
      <c r="H55" s="34"/>
      <c r="I55" s="35"/>
      <c r="J55" s="35"/>
      <c r="K55" s="34"/>
      <c r="L55" s="34"/>
      <c r="M55" s="34"/>
      <c r="N55" s="34"/>
      <c r="O55" s="34"/>
      <c r="P55" s="34"/>
      <c r="Q55" s="34"/>
      <c r="R55" s="34"/>
      <c r="S55" s="35"/>
      <c r="T55" s="35"/>
      <c r="U55" s="18"/>
    </row>
    <row r="56" spans="1:21" ht="22.5" customHeight="1" x14ac:dyDescent="0.4">
      <c r="A56" s="16"/>
      <c r="B56" s="34"/>
      <c r="C56" s="34"/>
      <c r="D56" s="34"/>
      <c r="E56" s="34"/>
      <c r="F56" s="34"/>
      <c r="G56" s="34"/>
      <c r="H56" s="34"/>
      <c r="I56" s="35"/>
      <c r="J56" s="35"/>
      <c r="K56" s="34"/>
      <c r="L56" s="34"/>
      <c r="M56" s="34"/>
      <c r="N56" s="34"/>
      <c r="O56" s="34"/>
      <c r="P56" s="34"/>
      <c r="Q56" s="34"/>
      <c r="R56" s="34"/>
      <c r="S56" s="35"/>
      <c r="T56" s="35"/>
      <c r="U56" s="18"/>
    </row>
    <row r="57" spans="1:21" ht="22.5" customHeight="1" x14ac:dyDescent="0.4">
      <c r="A57" s="16"/>
      <c r="B57" s="34"/>
      <c r="C57" s="34"/>
      <c r="D57" s="34"/>
      <c r="E57" s="34"/>
      <c r="F57" s="34"/>
      <c r="G57" s="34"/>
      <c r="H57" s="34"/>
      <c r="I57" s="35"/>
      <c r="J57" s="35"/>
      <c r="K57" s="34"/>
      <c r="L57" s="34"/>
      <c r="M57" s="34"/>
      <c r="N57" s="34"/>
      <c r="O57" s="34"/>
      <c r="P57" s="34"/>
      <c r="Q57" s="34"/>
      <c r="R57" s="34"/>
      <c r="S57" s="35"/>
      <c r="T57" s="35"/>
      <c r="U57" s="18"/>
    </row>
    <row r="58" spans="1:21" ht="22.5" customHeight="1" x14ac:dyDescent="0.4">
      <c r="A58" s="16"/>
      <c r="B58" s="34"/>
      <c r="C58" s="34"/>
      <c r="D58" s="34"/>
      <c r="E58" s="34"/>
      <c r="F58" s="34"/>
      <c r="G58" s="34"/>
      <c r="H58" s="34"/>
      <c r="I58" s="35"/>
      <c r="J58" s="35"/>
      <c r="K58" s="34"/>
      <c r="L58" s="34"/>
      <c r="M58" s="34"/>
      <c r="N58" s="34"/>
      <c r="O58" s="34"/>
      <c r="P58" s="34"/>
      <c r="Q58" s="34"/>
      <c r="R58" s="34"/>
      <c r="S58" s="35"/>
      <c r="T58" s="35"/>
      <c r="U58" s="18"/>
    </row>
    <row r="59" spans="1:21" ht="22.5" customHeight="1" x14ac:dyDescent="0.4">
      <c r="A59" s="16"/>
      <c r="B59" s="34"/>
      <c r="C59" s="34"/>
      <c r="D59" s="34"/>
      <c r="E59" s="34"/>
      <c r="F59" s="34"/>
      <c r="G59" s="34"/>
      <c r="H59" s="34"/>
      <c r="I59" s="35"/>
      <c r="J59" s="35"/>
      <c r="K59" s="34"/>
      <c r="L59" s="34"/>
      <c r="M59" s="34"/>
      <c r="N59" s="34"/>
      <c r="O59" s="34"/>
      <c r="P59" s="34"/>
      <c r="Q59" s="34"/>
      <c r="R59" s="34"/>
      <c r="S59" s="35"/>
      <c r="T59" s="35"/>
      <c r="U59" s="18"/>
    </row>
    <row r="60" spans="1:21" ht="22.5" customHeight="1" x14ac:dyDescent="0.4">
      <c r="A60" s="16"/>
      <c r="B60" s="34"/>
      <c r="C60" s="34"/>
      <c r="D60" s="34"/>
      <c r="E60" s="34"/>
      <c r="F60" s="34"/>
      <c r="G60" s="34"/>
      <c r="H60" s="34"/>
      <c r="I60" s="35"/>
      <c r="J60" s="35"/>
      <c r="K60" s="34"/>
      <c r="L60" s="34"/>
      <c r="M60" s="34"/>
      <c r="N60" s="34"/>
      <c r="O60" s="34"/>
      <c r="P60" s="34"/>
      <c r="Q60" s="34"/>
      <c r="R60" s="34"/>
      <c r="S60" s="35"/>
      <c r="T60" s="35"/>
      <c r="U60" s="18"/>
    </row>
    <row r="61" spans="1:21" ht="22.5" customHeight="1" x14ac:dyDescent="0.4">
      <c r="A61" s="16"/>
      <c r="B61" s="34"/>
      <c r="C61" s="34"/>
      <c r="D61" s="34"/>
      <c r="E61" s="34"/>
      <c r="F61" s="34"/>
      <c r="G61" s="34"/>
      <c r="H61" s="34"/>
      <c r="I61" s="35"/>
      <c r="J61" s="35"/>
      <c r="K61" s="34"/>
      <c r="L61" s="34"/>
      <c r="M61" s="34"/>
      <c r="N61" s="34"/>
      <c r="O61" s="34"/>
      <c r="P61" s="34"/>
      <c r="Q61" s="34"/>
      <c r="R61" s="34"/>
      <c r="S61" s="35"/>
      <c r="T61" s="35"/>
      <c r="U61" s="18"/>
    </row>
    <row r="62" spans="1:21" ht="22.5" customHeight="1" x14ac:dyDescent="0.4">
      <c r="A62" s="16"/>
      <c r="B62" s="34"/>
      <c r="C62" s="34"/>
      <c r="D62" s="34"/>
      <c r="E62" s="34"/>
      <c r="F62" s="34"/>
      <c r="G62" s="34"/>
      <c r="H62" s="34"/>
      <c r="I62" s="35"/>
      <c r="J62" s="35"/>
      <c r="K62" s="34"/>
      <c r="L62" s="34"/>
      <c r="M62" s="34"/>
      <c r="N62" s="34"/>
      <c r="O62" s="34"/>
      <c r="P62" s="34"/>
      <c r="Q62" s="34"/>
      <c r="R62" s="34"/>
      <c r="S62" s="35"/>
      <c r="T62" s="35"/>
      <c r="U62" s="18"/>
    </row>
    <row r="63" spans="1:21" ht="22.5" customHeight="1" x14ac:dyDescent="0.4">
      <c r="A63" s="16"/>
      <c r="B63" s="34"/>
      <c r="C63" s="34"/>
      <c r="D63" s="34"/>
      <c r="E63" s="34"/>
      <c r="F63" s="34"/>
      <c r="G63" s="34"/>
      <c r="H63" s="34"/>
      <c r="I63" s="35"/>
      <c r="J63" s="35"/>
      <c r="L63" s="34"/>
      <c r="M63" s="34"/>
      <c r="N63" s="34"/>
      <c r="O63" s="34"/>
      <c r="P63" s="34"/>
      <c r="Q63" s="34"/>
      <c r="R63" s="34"/>
      <c r="S63" s="35"/>
      <c r="T63" s="35"/>
      <c r="U63" s="18"/>
    </row>
    <row r="64" spans="1:21" ht="22.5" customHeight="1" x14ac:dyDescent="0.4">
      <c r="A64" s="102"/>
      <c r="B64" s="99"/>
      <c r="C64" s="99"/>
      <c r="D64" s="99"/>
      <c r="E64" s="99"/>
      <c r="F64" s="99"/>
      <c r="G64" s="99"/>
      <c r="H64" s="99"/>
      <c r="I64" s="103"/>
      <c r="J64" s="103"/>
      <c r="K64" s="99"/>
      <c r="L64" s="99"/>
      <c r="M64" s="99"/>
      <c r="N64" s="99"/>
      <c r="O64" s="99"/>
      <c r="P64" s="99"/>
      <c r="Q64" s="99"/>
      <c r="R64" s="99"/>
      <c r="S64" s="103"/>
      <c r="T64" s="103"/>
      <c r="U64" s="104"/>
    </row>
    <row r="65" spans="9:20" ht="22.5" customHeight="1" x14ac:dyDescent="0.4">
      <c r="I65" s="49"/>
      <c r="J65" s="49"/>
      <c r="S65" s="49"/>
      <c r="T65" s="49"/>
    </row>
    <row r="66" spans="9:20" ht="22.5" customHeight="1" x14ac:dyDescent="0.4">
      <c r="I66" s="51"/>
      <c r="J66" s="51"/>
      <c r="S66" s="51"/>
      <c r="T66" s="51"/>
    </row>
    <row r="67" spans="9:20" ht="22.5" customHeight="1" x14ac:dyDescent="0.4">
      <c r="I67" s="51"/>
      <c r="J67" s="51"/>
      <c r="S67" s="51"/>
      <c r="T67" s="51"/>
    </row>
    <row r="68" spans="9:20" ht="22.5" customHeight="1" x14ac:dyDescent="0.4">
      <c r="I68" s="51"/>
      <c r="J68" s="51"/>
      <c r="S68" s="51"/>
      <c r="T68" s="51"/>
    </row>
    <row r="69" spans="9:20" ht="22.5" customHeight="1" x14ac:dyDescent="0.4">
      <c r="I69" s="51"/>
      <c r="J69" s="51"/>
      <c r="S69" s="51"/>
      <c r="T69" s="51"/>
    </row>
    <row r="70" spans="9:20" ht="22.5" customHeight="1" x14ac:dyDescent="0.4">
      <c r="I70" s="51"/>
      <c r="J70" s="51"/>
      <c r="S70" s="51"/>
      <c r="T70" s="51"/>
    </row>
    <row r="71" spans="9:20" ht="22.5" customHeight="1" x14ac:dyDescent="0.4">
      <c r="I71" s="51"/>
      <c r="J71" s="51"/>
      <c r="S71" s="51"/>
      <c r="T71" s="51"/>
    </row>
    <row r="72" spans="9:20" ht="22.5" customHeight="1" x14ac:dyDescent="0.4">
      <c r="I72" s="51"/>
      <c r="J72" s="51"/>
      <c r="S72" s="51"/>
      <c r="T72" s="51"/>
    </row>
    <row r="73" spans="9:20" ht="22.5" customHeight="1" x14ac:dyDescent="0.4">
      <c r="I73" s="51"/>
      <c r="J73" s="51"/>
      <c r="S73" s="51"/>
      <c r="T73" s="51"/>
    </row>
    <row r="74" spans="9:20" ht="22.5" customHeight="1" x14ac:dyDescent="0.4">
      <c r="I74" s="51"/>
      <c r="J74" s="51"/>
      <c r="S74" s="51"/>
      <c r="T74" s="51"/>
    </row>
    <row r="75" spans="9:20" ht="22.5" customHeight="1" x14ac:dyDescent="0.4">
      <c r="I75" s="51"/>
      <c r="J75" s="51"/>
      <c r="S75" s="51"/>
      <c r="T75" s="51"/>
    </row>
    <row r="76" spans="9:20" ht="22.5" customHeight="1" x14ac:dyDescent="0.4">
      <c r="I76" s="51"/>
      <c r="J76" s="51"/>
      <c r="S76" s="51"/>
      <c r="T76" s="51"/>
    </row>
    <row r="77" spans="9:20" ht="22.5" customHeight="1" x14ac:dyDescent="0.4">
      <c r="I77" s="51"/>
      <c r="J77" s="51"/>
      <c r="S77" s="51"/>
      <c r="T77" s="51"/>
    </row>
    <row r="78" spans="9:20" ht="22.5" customHeight="1" x14ac:dyDescent="0.4">
      <c r="I78" s="51"/>
      <c r="J78" s="51"/>
      <c r="S78" s="51"/>
      <c r="T78" s="51"/>
    </row>
    <row r="79" spans="9:20" ht="22.5" customHeight="1" x14ac:dyDescent="0.4">
      <c r="I79" s="51"/>
      <c r="J79" s="51"/>
      <c r="S79" s="51"/>
      <c r="T79" s="51"/>
    </row>
    <row r="80" spans="9:20" ht="22.5" customHeight="1" x14ac:dyDescent="0.4">
      <c r="I80" s="51"/>
      <c r="J80" s="51"/>
      <c r="S80" s="51"/>
      <c r="T80" s="51"/>
    </row>
    <row r="81" spans="9:20" ht="22.5" customHeight="1" x14ac:dyDescent="0.4">
      <c r="I81" s="51"/>
      <c r="J81" s="51"/>
      <c r="S81" s="51"/>
      <c r="T81" s="51"/>
    </row>
    <row r="82" spans="9:20" ht="22.5" customHeight="1" x14ac:dyDescent="0.4">
      <c r="I82" s="51"/>
      <c r="J82" s="51"/>
      <c r="S82" s="51"/>
      <c r="T82" s="51"/>
    </row>
    <row r="83" spans="9:20" ht="22.5" customHeight="1" x14ac:dyDescent="0.4">
      <c r="I83" s="51"/>
      <c r="J83" s="51"/>
      <c r="S83" s="51"/>
      <c r="T83" s="51"/>
    </row>
    <row r="84" spans="9:20" ht="22.5" customHeight="1" x14ac:dyDescent="0.4">
      <c r="I84" s="51"/>
      <c r="J84" s="51"/>
      <c r="S84" s="51"/>
      <c r="T84" s="51"/>
    </row>
    <row r="85" spans="9:20" ht="22.5" customHeight="1" x14ac:dyDescent="0.4">
      <c r="I85" s="51"/>
      <c r="J85" s="51"/>
      <c r="S85" s="51"/>
      <c r="T85" s="51"/>
    </row>
    <row r="86" spans="9:20" ht="22.5" customHeight="1" x14ac:dyDescent="0.4">
      <c r="I86" s="51"/>
      <c r="J86" s="51"/>
      <c r="S86" s="51"/>
      <c r="T86" s="51"/>
    </row>
    <row r="87" spans="9:20" ht="22.5" customHeight="1" x14ac:dyDescent="0.4">
      <c r="I87" s="51"/>
      <c r="J87" s="51"/>
      <c r="S87" s="51"/>
      <c r="T87" s="51"/>
    </row>
    <row r="88" spans="9:20" ht="22.5" customHeight="1" x14ac:dyDescent="0.4">
      <c r="I88" s="51"/>
      <c r="J88" s="51"/>
      <c r="S88" s="51"/>
      <c r="T88" s="51"/>
    </row>
    <row r="89" spans="9:20" ht="22.5" customHeight="1" x14ac:dyDescent="0.4">
      <c r="I89" s="51"/>
      <c r="J89" s="51"/>
      <c r="S89" s="51"/>
      <c r="T89" s="51"/>
    </row>
    <row r="90" spans="9:20" ht="22.5" customHeight="1" x14ac:dyDescent="0.4">
      <c r="I90" s="51"/>
      <c r="J90" s="51"/>
      <c r="S90" s="51"/>
      <c r="T90" s="51"/>
    </row>
    <row r="91" spans="9:20" ht="22.5" customHeight="1" x14ac:dyDescent="0.4">
      <c r="I91" s="51"/>
      <c r="J91" s="51"/>
      <c r="S91" s="51"/>
      <c r="T91" s="51"/>
    </row>
    <row r="92" spans="9:20" ht="22.5" customHeight="1" x14ac:dyDescent="0.4">
      <c r="I92" s="51"/>
      <c r="J92" s="51"/>
      <c r="S92" s="51"/>
      <c r="T92" s="51"/>
    </row>
    <row r="93" spans="9:20" ht="22.5" customHeight="1" x14ac:dyDescent="0.4">
      <c r="I93" s="51"/>
      <c r="J93" s="51"/>
      <c r="S93" s="51"/>
      <c r="T93" s="51"/>
    </row>
    <row r="94" spans="9:20" ht="22.5" customHeight="1" x14ac:dyDescent="0.4">
      <c r="I94" s="51"/>
      <c r="J94" s="51"/>
      <c r="S94" s="51"/>
      <c r="T94" s="51"/>
    </row>
    <row r="95" spans="9:20" ht="22.5" customHeight="1" x14ac:dyDescent="0.4">
      <c r="I95" s="51"/>
      <c r="J95" s="51"/>
      <c r="S95" s="51"/>
      <c r="T95" s="51"/>
    </row>
    <row r="96" spans="9:20" ht="22.5" customHeight="1" x14ac:dyDescent="0.4">
      <c r="I96" s="51"/>
      <c r="J96" s="51"/>
      <c r="S96" s="51"/>
      <c r="T96" s="51"/>
    </row>
    <row r="97" spans="9:20" ht="22.5" customHeight="1" x14ac:dyDescent="0.4">
      <c r="I97" s="51"/>
      <c r="J97" s="51"/>
      <c r="S97" s="51"/>
      <c r="T97" s="51"/>
    </row>
    <row r="98" spans="9:20" ht="22.5" customHeight="1" x14ac:dyDescent="0.4">
      <c r="I98" s="51"/>
      <c r="J98" s="51"/>
      <c r="S98" s="51"/>
      <c r="T98" s="51"/>
    </row>
    <row r="99" spans="9:20" ht="22.5" customHeight="1" x14ac:dyDescent="0.4">
      <c r="I99" s="51"/>
      <c r="J99" s="51"/>
      <c r="S99" s="51"/>
      <c r="T99" s="51"/>
    </row>
    <row r="100" spans="9:20" ht="22.5" customHeight="1" x14ac:dyDescent="0.4">
      <c r="I100" s="51"/>
      <c r="J100" s="51"/>
      <c r="S100" s="51"/>
      <c r="T100" s="51"/>
    </row>
    <row r="101" spans="9:20" ht="22.5" customHeight="1" x14ac:dyDescent="0.4">
      <c r="I101" s="51"/>
      <c r="J101" s="51"/>
      <c r="S101" s="51"/>
      <c r="T101" s="51"/>
    </row>
    <row r="102" spans="9:20" ht="22.5" customHeight="1" x14ac:dyDescent="0.4">
      <c r="I102" s="51"/>
      <c r="J102" s="51"/>
      <c r="S102" s="51"/>
      <c r="T102" s="51"/>
    </row>
    <row r="103" spans="9:20" ht="22.5" customHeight="1" x14ac:dyDescent="0.4">
      <c r="I103" s="51"/>
      <c r="J103" s="51"/>
      <c r="S103" s="51"/>
      <c r="T103" s="51"/>
    </row>
    <row r="104" spans="9:20" ht="22.5" customHeight="1" x14ac:dyDescent="0.4">
      <c r="I104" s="51"/>
      <c r="J104" s="51"/>
      <c r="S104" s="51"/>
      <c r="T104" s="51"/>
    </row>
    <row r="105" spans="9:20" ht="22.5" customHeight="1" x14ac:dyDescent="0.4">
      <c r="I105" s="51"/>
      <c r="J105" s="51"/>
      <c r="S105" s="51"/>
      <c r="T105" s="51"/>
    </row>
    <row r="106" spans="9:20" ht="22.5" customHeight="1" x14ac:dyDescent="0.4">
      <c r="I106" s="51"/>
      <c r="J106" s="51"/>
      <c r="S106" s="51"/>
      <c r="T106" s="51"/>
    </row>
    <row r="107" spans="9:20" ht="22.5" customHeight="1" x14ac:dyDescent="0.4">
      <c r="I107" s="51"/>
      <c r="J107" s="51"/>
      <c r="S107" s="51"/>
      <c r="T107" s="51"/>
    </row>
    <row r="108" spans="9:20" ht="22.5" customHeight="1" x14ac:dyDescent="0.4">
      <c r="I108" s="51"/>
      <c r="J108" s="51"/>
      <c r="S108" s="51"/>
      <c r="T108" s="51"/>
    </row>
    <row r="109" spans="9:20" ht="22.5" customHeight="1" x14ac:dyDescent="0.4">
      <c r="I109" s="51"/>
      <c r="J109" s="51"/>
      <c r="S109" s="51"/>
      <c r="T109" s="51"/>
    </row>
    <row r="110" spans="9:20" ht="22.5" customHeight="1" x14ac:dyDescent="0.4">
      <c r="I110" s="51"/>
      <c r="J110" s="51"/>
      <c r="S110" s="51"/>
      <c r="T110" s="51"/>
    </row>
    <row r="111" spans="9:20" ht="22.5" customHeight="1" x14ac:dyDescent="0.4">
      <c r="I111" s="51"/>
      <c r="J111" s="51"/>
      <c r="S111" s="51"/>
      <c r="T111" s="51"/>
    </row>
    <row r="112" spans="9:20" ht="22.5" customHeight="1" x14ac:dyDescent="0.4">
      <c r="I112" s="51"/>
      <c r="J112" s="51"/>
      <c r="S112" s="51"/>
      <c r="T112" s="51"/>
    </row>
    <row r="113" spans="9:20" ht="22.5" customHeight="1" x14ac:dyDescent="0.4">
      <c r="I113" s="51"/>
      <c r="J113" s="51"/>
      <c r="S113" s="51"/>
      <c r="T113" s="51"/>
    </row>
    <row r="114" spans="9:20" ht="22.5" customHeight="1" x14ac:dyDescent="0.4">
      <c r="I114" s="51"/>
      <c r="J114" s="51"/>
      <c r="S114" s="51"/>
      <c r="T114" s="51"/>
    </row>
    <row r="115" spans="9:20" ht="22.5" customHeight="1" x14ac:dyDescent="0.4">
      <c r="I115" s="51"/>
      <c r="J115" s="51"/>
      <c r="S115" s="51"/>
      <c r="T115" s="51"/>
    </row>
    <row r="116" spans="9:20" ht="22.5" customHeight="1" x14ac:dyDescent="0.4">
      <c r="I116" s="51"/>
      <c r="J116" s="51"/>
      <c r="S116" s="51"/>
      <c r="T116" s="51"/>
    </row>
    <row r="117" spans="9:20" ht="22.5" customHeight="1" x14ac:dyDescent="0.4">
      <c r="I117" s="51"/>
      <c r="J117" s="51"/>
      <c r="S117" s="51"/>
      <c r="T117" s="51"/>
    </row>
    <row r="118" spans="9:20" ht="22.5" customHeight="1" x14ac:dyDescent="0.4">
      <c r="I118" s="51"/>
      <c r="J118" s="51"/>
      <c r="S118" s="51"/>
      <c r="T118" s="51"/>
    </row>
    <row r="119" spans="9:20" ht="22.5" customHeight="1" x14ac:dyDescent="0.4">
      <c r="I119" s="51"/>
      <c r="J119" s="51"/>
      <c r="S119" s="51"/>
      <c r="T119" s="51"/>
    </row>
    <row r="120" spans="9:20" ht="22.5" customHeight="1" x14ac:dyDescent="0.4">
      <c r="I120" s="51"/>
      <c r="J120" s="51"/>
      <c r="S120" s="51"/>
      <c r="T120" s="51"/>
    </row>
    <row r="121" spans="9:20" ht="22.5" customHeight="1" x14ac:dyDescent="0.4">
      <c r="I121" s="51"/>
      <c r="J121" s="51"/>
      <c r="S121" s="51"/>
      <c r="T121" s="51"/>
    </row>
    <row r="122" spans="9:20" ht="22.5" customHeight="1" x14ac:dyDescent="0.4">
      <c r="I122" s="51"/>
      <c r="J122" s="51"/>
      <c r="S122" s="51"/>
      <c r="T122" s="51"/>
    </row>
    <row r="123" spans="9:20" ht="22.5" customHeight="1" x14ac:dyDescent="0.4">
      <c r="I123" s="51"/>
      <c r="J123" s="51"/>
      <c r="S123" s="51"/>
      <c r="T123" s="51"/>
    </row>
    <row r="124" spans="9:20" ht="22.5" customHeight="1" x14ac:dyDescent="0.4">
      <c r="I124" s="51"/>
      <c r="J124" s="51"/>
      <c r="S124" s="51"/>
      <c r="T124" s="51"/>
    </row>
    <row r="125" spans="9:20" ht="22.5" customHeight="1" x14ac:dyDescent="0.4">
      <c r="I125" s="51"/>
      <c r="J125" s="51"/>
      <c r="S125" s="51"/>
      <c r="T125" s="51"/>
    </row>
    <row r="126" spans="9:20" ht="22.5" customHeight="1" x14ac:dyDescent="0.4">
      <c r="I126" s="51"/>
      <c r="J126" s="51"/>
      <c r="S126" s="51"/>
      <c r="T126" s="51"/>
    </row>
    <row r="127" spans="9:20" ht="22.5" customHeight="1" x14ac:dyDescent="0.4">
      <c r="I127" s="51"/>
      <c r="J127" s="51"/>
      <c r="S127" s="51"/>
      <c r="T127" s="51"/>
    </row>
    <row r="128" spans="9:20" ht="22.5" customHeight="1" x14ac:dyDescent="0.4">
      <c r="I128" s="51"/>
      <c r="J128" s="51"/>
      <c r="S128" s="51"/>
      <c r="T128" s="51"/>
    </row>
    <row r="129" spans="9:20" ht="22.5" customHeight="1" x14ac:dyDescent="0.4">
      <c r="I129" s="51"/>
      <c r="J129" s="51"/>
      <c r="S129" s="51"/>
      <c r="T129" s="51"/>
    </row>
    <row r="130" spans="9:20" ht="22.5" customHeight="1" x14ac:dyDescent="0.4">
      <c r="I130" s="51"/>
      <c r="J130" s="51"/>
      <c r="S130" s="51"/>
      <c r="T130" s="51"/>
    </row>
    <row r="131" spans="9:20" ht="22.5" customHeight="1" x14ac:dyDescent="0.4">
      <c r="I131" s="51"/>
      <c r="J131" s="51"/>
      <c r="S131" s="51"/>
      <c r="T131" s="51"/>
    </row>
    <row r="132" spans="9:20" ht="22.5" customHeight="1" x14ac:dyDescent="0.4">
      <c r="I132" s="51"/>
      <c r="J132" s="51"/>
      <c r="S132" s="51"/>
      <c r="T132" s="51"/>
    </row>
    <row r="133" spans="9:20" ht="22.5" customHeight="1" x14ac:dyDescent="0.4">
      <c r="I133" s="51"/>
      <c r="J133" s="51"/>
      <c r="S133" s="51"/>
      <c r="T133" s="51"/>
    </row>
    <row r="134" spans="9:20" ht="22.5" customHeight="1" x14ac:dyDescent="0.4">
      <c r="I134" s="51"/>
      <c r="J134" s="51"/>
      <c r="S134" s="51"/>
      <c r="T134" s="51"/>
    </row>
    <row r="135" spans="9:20" ht="22.5" customHeight="1" x14ac:dyDescent="0.4">
      <c r="I135" s="51"/>
      <c r="J135" s="51"/>
      <c r="S135" s="51"/>
      <c r="T135" s="51"/>
    </row>
    <row r="136" spans="9:20" ht="22.5" customHeight="1" x14ac:dyDescent="0.4">
      <c r="I136" s="51"/>
      <c r="J136" s="51"/>
      <c r="S136" s="51"/>
      <c r="T136" s="51"/>
    </row>
    <row r="137" spans="9:20" ht="22.5" customHeight="1" x14ac:dyDescent="0.4">
      <c r="I137" s="51"/>
      <c r="J137" s="51"/>
      <c r="S137" s="51"/>
      <c r="T137" s="51"/>
    </row>
    <row r="138" spans="9:20" ht="22.5" customHeight="1" x14ac:dyDescent="0.4">
      <c r="I138" s="51"/>
      <c r="J138" s="51"/>
      <c r="S138" s="51"/>
      <c r="T138" s="51"/>
    </row>
    <row r="139" spans="9:20" ht="22.5" customHeight="1" x14ac:dyDescent="0.4">
      <c r="I139" s="51"/>
      <c r="J139" s="51"/>
      <c r="S139" s="51"/>
      <c r="T139" s="51"/>
    </row>
    <row r="140" spans="9:20" ht="22.5" customHeight="1" x14ac:dyDescent="0.4">
      <c r="I140" s="51"/>
      <c r="J140" s="51"/>
      <c r="S140" s="51"/>
      <c r="T140" s="51"/>
    </row>
    <row r="141" spans="9:20" ht="22.5" customHeight="1" x14ac:dyDescent="0.4">
      <c r="I141" s="51"/>
      <c r="J141" s="51"/>
      <c r="S141" s="51"/>
      <c r="T141" s="51"/>
    </row>
    <row r="142" spans="9:20" ht="22.5" customHeight="1" x14ac:dyDescent="0.4">
      <c r="I142" s="51"/>
      <c r="J142" s="51"/>
      <c r="S142" s="51"/>
      <c r="T142" s="51"/>
    </row>
    <row r="143" spans="9:20" ht="22.5" customHeight="1" x14ac:dyDescent="0.4">
      <c r="I143" s="51"/>
      <c r="J143" s="51"/>
      <c r="S143" s="51"/>
      <c r="T143" s="51"/>
    </row>
    <row r="144" spans="9:20" ht="22.5" customHeight="1" x14ac:dyDescent="0.4">
      <c r="I144" s="51"/>
      <c r="J144" s="51"/>
      <c r="S144" s="51"/>
      <c r="T144" s="51"/>
    </row>
    <row r="145" spans="9:20" ht="22.5" customHeight="1" x14ac:dyDescent="0.4">
      <c r="I145" s="51"/>
      <c r="J145" s="51"/>
      <c r="S145" s="51"/>
      <c r="T145" s="51"/>
    </row>
    <row r="146" spans="9:20" ht="22.5" customHeight="1" x14ac:dyDescent="0.4">
      <c r="I146" s="51"/>
      <c r="J146" s="51"/>
      <c r="S146" s="51"/>
      <c r="T146" s="51"/>
    </row>
    <row r="147" spans="9:20" ht="22.5" customHeight="1" x14ac:dyDescent="0.4">
      <c r="I147" s="51"/>
      <c r="J147" s="51"/>
      <c r="S147" s="51"/>
      <c r="T147" s="51"/>
    </row>
    <row r="148" spans="9:20" ht="22.5" customHeight="1" x14ac:dyDescent="0.4">
      <c r="I148" s="51"/>
      <c r="J148" s="51"/>
      <c r="S148" s="51"/>
      <c r="T148" s="51"/>
    </row>
    <row r="149" spans="9:20" ht="22.5" customHeight="1" x14ac:dyDescent="0.4">
      <c r="I149" s="51"/>
      <c r="J149" s="51"/>
      <c r="S149" s="51"/>
      <c r="T149" s="51"/>
    </row>
    <row r="150" spans="9:20" ht="22.5" customHeight="1" x14ac:dyDescent="0.4">
      <c r="I150" s="51"/>
      <c r="J150" s="51"/>
      <c r="S150" s="51"/>
      <c r="T150" s="51"/>
    </row>
    <row r="151" spans="9:20" ht="22.5" customHeight="1" x14ac:dyDescent="0.4">
      <c r="I151" s="51"/>
      <c r="J151" s="51"/>
      <c r="S151" s="51"/>
      <c r="T151" s="51"/>
    </row>
    <row r="152" spans="9:20" ht="22.5" customHeight="1" x14ac:dyDescent="0.4">
      <c r="I152" s="51"/>
      <c r="J152" s="51"/>
      <c r="S152" s="51"/>
      <c r="T152" s="51"/>
    </row>
    <row r="153" spans="9:20" ht="22.5" customHeight="1" x14ac:dyDescent="0.4">
      <c r="I153" s="51"/>
      <c r="J153" s="51"/>
      <c r="S153" s="51"/>
      <c r="T153" s="51"/>
    </row>
    <row r="154" spans="9:20" ht="22.5" customHeight="1" x14ac:dyDescent="0.4">
      <c r="I154" s="51"/>
      <c r="J154" s="51"/>
      <c r="S154" s="51"/>
      <c r="T154" s="51"/>
    </row>
    <row r="155" spans="9:20" ht="22.5" customHeight="1" x14ac:dyDescent="0.4">
      <c r="I155" s="51"/>
      <c r="J155" s="51"/>
      <c r="S155" s="51"/>
      <c r="T155" s="51"/>
    </row>
    <row r="156" spans="9:20" ht="22.5" customHeight="1" x14ac:dyDescent="0.4">
      <c r="I156" s="51"/>
      <c r="J156" s="51"/>
      <c r="S156" s="51"/>
      <c r="T156" s="51"/>
    </row>
    <row r="157" spans="9:20" ht="22.5" customHeight="1" x14ac:dyDescent="0.4">
      <c r="I157" s="51"/>
      <c r="J157" s="51"/>
      <c r="S157" s="51"/>
      <c r="T157" s="51"/>
    </row>
    <row r="158" spans="9:20" ht="22.5" customHeight="1" x14ac:dyDescent="0.4">
      <c r="I158" s="51"/>
      <c r="J158" s="51"/>
      <c r="S158" s="51"/>
      <c r="T158" s="51"/>
    </row>
    <row r="159" spans="9:20" ht="22.5" customHeight="1" x14ac:dyDescent="0.4">
      <c r="I159" s="51"/>
      <c r="J159" s="51"/>
      <c r="S159" s="51"/>
      <c r="T159" s="51"/>
    </row>
    <row r="160" spans="9:20" ht="22.5" customHeight="1" x14ac:dyDescent="0.4">
      <c r="I160" s="51"/>
      <c r="J160" s="51"/>
      <c r="S160" s="51"/>
      <c r="T160" s="51"/>
    </row>
    <row r="161" spans="9:20" ht="22.5" customHeight="1" x14ac:dyDescent="0.4">
      <c r="I161" s="51"/>
      <c r="J161" s="51"/>
      <c r="S161" s="51"/>
      <c r="T161" s="51"/>
    </row>
    <row r="162" spans="9:20" ht="22.5" customHeight="1" x14ac:dyDescent="0.4">
      <c r="I162" s="51"/>
      <c r="J162" s="51"/>
      <c r="S162" s="51"/>
      <c r="T162" s="51"/>
    </row>
    <row r="163" spans="9:20" ht="22.5" customHeight="1" x14ac:dyDescent="0.4">
      <c r="I163" s="51"/>
      <c r="J163" s="51"/>
      <c r="S163" s="51"/>
      <c r="T163" s="51"/>
    </row>
    <row r="164" spans="9:20" ht="22.5" customHeight="1" x14ac:dyDescent="0.4">
      <c r="I164" s="51"/>
      <c r="J164" s="51"/>
      <c r="S164" s="51"/>
      <c r="T164" s="51"/>
    </row>
    <row r="165" spans="9:20" ht="22.5" customHeight="1" x14ac:dyDescent="0.4">
      <c r="I165" s="51"/>
      <c r="J165" s="51"/>
      <c r="S165" s="51"/>
      <c r="T165" s="51"/>
    </row>
    <row r="166" spans="9:20" ht="22.5" customHeight="1" x14ac:dyDescent="0.4">
      <c r="I166" s="51"/>
      <c r="J166" s="51"/>
      <c r="S166" s="51"/>
      <c r="T166" s="51"/>
    </row>
    <row r="167" spans="9:20" ht="22.5" customHeight="1" x14ac:dyDescent="0.4">
      <c r="I167" s="51"/>
      <c r="J167" s="51"/>
      <c r="S167" s="51"/>
      <c r="T167" s="51"/>
    </row>
    <row r="168" spans="9:20" ht="22.5" customHeight="1" x14ac:dyDescent="0.4">
      <c r="I168" s="51"/>
      <c r="J168" s="51"/>
      <c r="S168" s="51"/>
      <c r="T168" s="51"/>
    </row>
    <row r="169" spans="9:20" ht="22.5" customHeight="1" x14ac:dyDescent="0.4">
      <c r="I169" s="51"/>
      <c r="J169" s="51"/>
      <c r="S169" s="51"/>
      <c r="T169" s="51"/>
    </row>
    <row r="170" spans="9:20" ht="22.5" customHeight="1" x14ac:dyDescent="0.4">
      <c r="I170" s="51"/>
      <c r="J170" s="51"/>
      <c r="S170" s="51"/>
      <c r="T170" s="51"/>
    </row>
    <row r="171" spans="9:20" ht="22.5" customHeight="1" x14ac:dyDescent="0.4">
      <c r="I171" s="51"/>
      <c r="J171" s="51"/>
      <c r="S171" s="51"/>
      <c r="T171" s="51"/>
    </row>
    <row r="172" spans="9:20" ht="22.5" customHeight="1" x14ac:dyDescent="0.4">
      <c r="I172" s="51"/>
      <c r="J172" s="51"/>
      <c r="S172" s="51"/>
      <c r="T172" s="51"/>
    </row>
    <row r="173" spans="9:20" ht="22.5" customHeight="1" x14ac:dyDescent="0.4">
      <c r="I173" s="51"/>
      <c r="J173" s="51"/>
      <c r="S173" s="51"/>
      <c r="T173" s="51"/>
    </row>
    <row r="174" spans="9:20" ht="22.5" customHeight="1" x14ac:dyDescent="0.4">
      <c r="I174" s="51"/>
      <c r="J174" s="51"/>
      <c r="S174" s="51"/>
      <c r="T174" s="51"/>
    </row>
    <row r="175" spans="9:20" ht="22.5" customHeight="1" x14ac:dyDescent="0.4">
      <c r="I175" s="51"/>
      <c r="J175" s="51"/>
      <c r="S175" s="51"/>
      <c r="T175" s="51"/>
    </row>
    <row r="176" spans="9:20" ht="22.5" customHeight="1" x14ac:dyDescent="0.4">
      <c r="I176" s="51"/>
      <c r="J176" s="51"/>
      <c r="S176" s="51"/>
      <c r="T176" s="51"/>
    </row>
    <row r="177" spans="9:20" ht="22.5" customHeight="1" x14ac:dyDescent="0.4">
      <c r="I177" s="51"/>
      <c r="J177" s="51"/>
      <c r="S177" s="51"/>
      <c r="T177" s="51"/>
    </row>
    <row r="178" spans="9:20" ht="22.5" customHeight="1" x14ac:dyDescent="0.4">
      <c r="I178" s="51"/>
      <c r="J178" s="51"/>
      <c r="S178" s="51"/>
      <c r="T178" s="51"/>
    </row>
    <row r="179" spans="9:20" ht="22.5" customHeight="1" x14ac:dyDescent="0.4">
      <c r="I179" s="51"/>
      <c r="J179" s="51"/>
      <c r="S179" s="51"/>
      <c r="T179" s="51"/>
    </row>
    <row r="180" spans="9:20" ht="22.5" customHeight="1" x14ac:dyDescent="0.4">
      <c r="I180" s="51"/>
      <c r="J180" s="51"/>
      <c r="S180" s="51"/>
      <c r="T180" s="51"/>
    </row>
    <row r="181" spans="9:20" ht="22.5" customHeight="1" x14ac:dyDescent="0.4">
      <c r="I181" s="51"/>
      <c r="J181" s="51"/>
      <c r="S181" s="51"/>
      <c r="T181" s="51"/>
    </row>
    <row r="182" spans="9:20" ht="22.5" customHeight="1" x14ac:dyDescent="0.4">
      <c r="I182" s="51"/>
      <c r="J182" s="51"/>
      <c r="S182" s="51"/>
      <c r="T182" s="51"/>
    </row>
    <row r="183" spans="9:20" ht="22.5" customHeight="1" x14ac:dyDescent="0.4">
      <c r="I183" s="51"/>
      <c r="J183" s="51"/>
      <c r="S183" s="51"/>
      <c r="T183" s="51"/>
    </row>
    <row r="184" spans="9:20" ht="22.5" customHeight="1" x14ac:dyDescent="0.4">
      <c r="I184" s="51"/>
      <c r="J184" s="51"/>
      <c r="S184" s="51"/>
      <c r="T184" s="51"/>
    </row>
    <row r="185" spans="9:20" ht="22.5" customHeight="1" x14ac:dyDescent="0.4">
      <c r="I185" s="51"/>
      <c r="J185" s="51"/>
      <c r="S185" s="51"/>
      <c r="T185" s="51"/>
    </row>
    <row r="186" spans="9:20" ht="22.5" customHeight="1" x14ac:dyDescent="0.4">
      <c r="I186" s="51"/>
      <c r="J186" s="51"/>
      <c r="S186" s="51"/>
      <c r="T186" s="51"/>
    </row>
    <row r="187" spans="9:20" ht="22.5" customHeight="1" x14ac:dyDescent="0.4">
      <c r="I187" s="51"/>
      <c r="J187" s="51"/>
      <c r="S187" s="51"/>
      <c r="T187" s="51"/>
    </row>
    <row r="188" spans="9:20" ht="22.5" customHeight="1" x14ac:dyDescent="0.4">
      <c r="I188" s="51"/>
      <c r="J188" s="51"/>
      <c r="S188" s="51"/>
      <c r="T188" s="51"/>
    </row>
    <row r="189" spans="9:20" ht="22.5" customHeight="1" x14ac:dyDescent="0.4">
      <c r="I189" s="51"/>
      <c r="J189" s="51"/>
      <c r="S189" s="51"/>
      <c r="T189" s="51"/>
    </row>
    <row r="190" spans="9:20" ht="22.5" customHeight="1" x14ac:dyDescent="0.4">
      <c r="I190" s="51"/>
      <c r="J190" s="51"/>
      <c r="S190" s="51"/>
      <c r="T190" s="51"/>
    </row>
    <row r="191" spans="9:20" ht="22.5" customHeight="1" x14ac:dyDescent="0.4">
      <c r="I191" s="51"/>
      <c r="J191" s="51"/>
      <c r="S191" s="51"/>
      <c r="T191" s="51"/>
    </row>
    <row r="192" spans="9:20" ht="22.5" customHeight="1" x14ac:dyDescent="0.4">
      <c r="I192" s="51"/>
      <c r="J192" s="51"/>
      <c r="S192" s="51"/>
      <c r="T192" s="51"/>
    </row>
    <row r="193" spans="9:20" ht="22.5" customHeight="1" x14ac:dyDescent="0.4">
      <c r="I193" s="51"/>
      <c r="J193" s="51"/>
      <c r="S193" s="51"/>
      <c r="T193" s="51"/>
    </row>
    <row r="194" spans="9:20" ht="22.5" customHeight="1" x14ac:dyDescent="0.4">
      <c r="I194" s="51"/>
      <c r="J194" s="51"/>
      <c r="S194" s="51"/>
      <c r="T194" s="51"/>
    </row>
  </sheetData>
  <sheetProtection selectLockedCells="1" selectUnlockedCells="1"/>
  <mergeCells count="4">
    <mergeCell ref="L8:N8"/>
    <mergeCell ref="B9:D9"/>
    <mergeCell ref="B6:S6"/>
    <mergeCell ref="B7:S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4">
    <pageSetUpPr fitToPage="1"/>
  </sheetPr>
  <dimension ref="A1:D75"/>
  <sheetViews>
    <sheetView view="pageBreakPreview" zoomScale="55" zoomScaleNormal="50" zoomScaleSheetLayoutView="55" workbookViewId="0">
      <selection activeCell="C11" sqref="C11:D11"/>
    </sheetView>
  </sheetViews>
  <sheetFormatPr defaultColWidth="9" defaultRowHeight="13.5" x14ac:dyDescent="0.4"/>
  <cols>
    <col min="1" max="1" width="4" style="11" customWidth="1"/>
    <col min="2" max="2" width="54.125" style="3" customWidth="1"/>
    <col min="3" max="3" width="60.5" style="3" customWidth="1"/>
    <col min="4" max="4" width="52.75" style="3" customWidth="1"/>
    <col min="5" max="16384" width="9" style="3"/>
  </cols>
  <sheetData>
    <row r="1" spans="1:4" s="1" customFormat="1" ht="22.5" customHeight="1" x14ac:dyDescent="0.4">
      <c r="B1" s="2" t="s">
        <v>0</v>
      </c>
    </row>
    <row r="2" spans="1:4" s="1" customFormat="1" ht="22.5" customHeight="1" x14ac:dyDescent="0.4">
      <c r="B2" s="2" t="s">
        <v>1</v>
      </c>
    </row>
    <row r="3" spans="1:4" s="1" customFormat="1" ht="22.5" customHeight="1" x14ac:dyDescent="0.4">
      <c r="B3" s="2" t="s">
        <v>4</v>
      </c>
    </row>
    <row r="4" spans="1:4" ht="122.25" customHeight="1" x14ac:dyDescent="0.4">
      <c r="A4" s="139" t="s">
        <v>2</v>
      </c>
      <c r="B4" s="139"/>
      <c r="C4" s="139"/>
      <c r="D4" s="139"/>
    </row>
    <row r="5" spans="1:4" s="5" customFormat="1" ht="36" customHeight="1" x14ac:dyDescent="0.4">
      <c r="A5" s="4"/>
    </row>
    <row r="6" spans="1:4" s="5" customFormat="1" ht="36" customHeight="1" x14ac:dyDescent="0.4">
      <c r="A6" s="4"/>
      <c r="B6" s="5" t="s">
        <v>3</v>
      </c>
    </row>
    <row r="7" spans="1:4" s="5" customFormat="1" ht="36" customHeight="1" x14ac:dyDescent="0.4">
      <c r="A7" s="4"/>
      <c r="B7" s="6"/>
      <c r="C7" s="138"/>
      <c r="D7" s="138"/>
    </row>
    <row r="8" spans="1:4" s="5" customFormat="1" ht="36" customHeight="1" x14ac:dyDescent="0.4">
      <c r="A8" s="4"/>
      <c r="B8" s="6"/>
      <c r="C8" s="138"/>
      <c r="D8" s="138"/>
    </row>
    <row r="9" spans="1:4" s="5" customFormat="1" ht="36" customHeight="1" x14ac:dyDescent="0.4">
      <c r="A9" s="4"/>
      <c r="B9" s="7"/>
      <c r="C9" s="138"/>
      <c r="D9" s="138"/>
    </row>
    <row r="10" spans="1:4" s="5" customFormat="1" ht="36" customHeight="1" x14ac:dyDescent="0.4">
      <c r="A10" s="4"/>
      <c r="B10" s="6"/>
      <c r="C10" s="138"/>
      <c r="D10" s="138"/>
    </row>
    <row r="11" spans="1:4" s="5" customFormat="1" ht="36" customHeight="1" x14ac:dyDescent="0.4">
      <c r="A11" s="4"/>
      <c r="B11" s="6"/>
      <c r="C11" s="140"/>
      <c r="D11" s="140"/>
    </row>
    <row r="12" spans="1:4" s="5" customFormat="1" ht="36" customHeight="1" x14ac:dyDescent="0.4">
      <c r="A12" s="4"/>
      <c r="B12" s="6"/>
      <c r="C12" s="138"/>
      <c r="D12" s="138"/>
    </row>
    <row r="13" spans="1:4" s="5" customFormat="1" ht="36" customHeight="1" x14ac:dyDescent="0.4">
      <c r="A13" s="4"/>
      <c r="B13" s="8"/>
      <c r="C13" s="8"/>
    </row>
    <row r="14" spans="1:4" s="5" customFormat="1" ht="36" customHeight="1" x14ac:dyDescent="0.4">
      <c r="A14" s="4"/>
    </row>
    <row r="15" spans="1:4" s="5" customFormat="1" ht="36" customHeight="1" x14ac:dyDescent="0.4">
      <c r="A15" s="4"/>
    </row>
    <row r="16" spans="1:4" s="5" customFormat="1" ht="36" customHeight="1" x14ac:dyDescent="0.4">
      <c r="A16" s="4"/>
    </row>
    <row r="17" spans="1:1" s="5" customFormat="1" ht="36" customHeight="1" x14ac:dyDescent="0.4">
      <c r="A17" s="4"/>
    </row>
    <row r="18" spans="1:1" s="5" customFormat="1" ht="36" customHeight="1" x14ac:dyDescent="0.4">
      <c r="A18" s="4"/>
    </row>
    <row r="19" spans="1:1" s="5" customFormat="1" ht="36" customHeight="1" x14ac:dyDescent="0.4">
      <c r="A19" s="4"/>
    </row>
    <row r="20" spans="1:1" s="5" customFormat="1" ht="36" customHeight="1" x14ac:dyDescent="0.4">
      <c r="A20" s="4"/>
    </row>
    <row r="21" spans="1:1" s="5" customFormat="1" ht="36" customHeight="1" x14ac:dyDescent="0.4">
      <c r="A21" s="4"/>
    </row>
    <row r="22" spans="1:1" s="5" customFormat="1" ht="36" customHeight="1" x14ac:dyDescent="0.4">
      <c r="A22" s="4"/>
    </row>
    <row r="23" spans="1:1" s="5" customFormat="1" ht="36" customHeight="1" x14ac:dyDescent="0.4">
      <c r="A23" s="4"/>
    </row>
    <row r="24" spans="1:1" s="5" customFormat="1" ht="36" customHeight="1" x14ac:dyDescent="0.4">
      <c r="A24" s="4"/>
    </row>
    <row r="25" spans="1:1" s="5" customFormat="1" ht="36" customHeight="1" x14ac:dyDescent="0.4">
      <c r="A25" s="4"/>
    </row>
    <row r="26" spans="1:1" s="5" customFormat="1" ht="36" customHeight="1" x14ac:dyDescent="0.4">
      <c r="A26" s="4"/>
    </row>
    <row r="27" spans="1:1" s="5" customFormat="1" ht="36" customHeight="1" x14ac:dyDescent="0.4">
      <c r="A27" s="4"/>
    </row>
    <row r="28" spans="1:1" s="5" customFormat="1" ht="36" customHeight="1" x14ac:dyDescent="0.4">
      <c r="A28" s="4"/>
    </row>
    <row r="29" spans="1:1" s="5" customFormat="1" ht="36" customHeight="1" x14ac:dyDescent="0.4">
      <c r="A29" s="4"/>
    </row>
    <row r="30" spans="1:1" s="5" customFormat="1" ht="36" customHeight="1" x14ac:dyDescent="0.4">
      <c r="A30" s="4"/>
    </row>
    <row r="31" spans="1:1" s="5" customFormat="1" ht="36" customHeight="1" x14ac:dyDescent="0.4">
      <c r="A31" s="4"/>
    </row>
    <row r="32" spans="1:1" s="5" customFormat="1" ht="36" customHeight="1" x14ac:dyDescent="0.4">
      <c r="A32" s="4"/>
    </row>
    <row r="33" spans="1:1" s="5" customFormat="1" ht="36" customHeight="1" x14ac:dyDescent="0.4">
      <c r="A33" s="4"/>
    </row>
    <row r="34" spans="1:1" s="5" customFormat="1" ht="36" customHeight="1" x14ac:dyDescent="0.4">
      <c r="A34" s="4"/>
    </row>
    <row r="35" spans="1:1" s="5" customFormat="1" ht="36" customHeight="1" x14ac:dyDescent="0.4">
      <c r="A35" s="4"/>
    </row>
    <row r="36" spans="1:1" s="5" customFormat="1" ht="36" customHeight="1" x14ac:dyDescent="0.4">
      <c r="A36" s="4"/>
    </row>
    <row r="37" spans="1:1" s="5" customFormat="1" ht="36" customHeight="1" x14ac:dyDescent="0.4">
      <c r="A37" s="4"/>
    </row>
    <row r="38" spans="1:1" s="5" customFormat="1" ht="36" customHeight="1" x14ac:dyDescent="0.4">
      <c r="A38" s="4"/>
    </row>
    <row r="39" spans="1:1" s="5" customFormat="1" ht="36" customHeight="1" x14ac:dyDescent="0.4">
      <c r="A39" s="4"/>
    </row>
    <row r="40" spans="1:1" s="5" customFormat="1" ht="36" customHeight="1" x14ac:dyDescent="0.4">
      <c r="A40" s="4"/>
    </row>
    <row r="41" spans="1:1" s="10" customFormat="1" ht="36" customHeight="1" x14ac:dyDescent="0.4">
      <c r="A41" s="9"/>
    </row>
    <row r="42" spans="1:1" s="10" customFormat="1" ht="36" customHeight="1" x14ac:dyDescent="0.4">
      <c r="A42" s="9"/>
    </row>
    <row r="43" spans="1:1" s="10" customFormat="1" ht="36" customHeight="1" x14ac:dyDescent="0.4">
      <c r="A43" s="9"/>
    </row>
    <row r="44" spans="1:1" s="10" customFormat="1" ht="36" customHeight="1" x14ac:dyDescent="0.4">
      <c r="A44" s="9"/>
    </row>
    <row r="45" spans="1:1" s="10" customFormat="1" ht="36" customHeight="1" x14ac:dyDescent="0.4">
      <c r="A45" s="9"/>
    </row>
    <row r="46" spans="1:1" s="10" customFormat="1" ht="36" customHeight="1" x14ac:dyDescent="0.4">
      <c r="A46" s="9"/>
    </row>
    <row r="47" spans="1:1" s="10" customFormat="1" ht="36" customHeight="1" x14ac:dyDescent="0.4">
      <c r="A47" s="9"/>
    </row>
    <row r="48" spans="1:1" s="10" customFormat="1" ht="36" customHeight="1" x14ac:dyDescent="0.4">
      <c r="A48" s="9"/>
    </row>
    <row r="49" spans="1:1" s="10" customFormat="1" ht="36" customHeight="1" x14ac:dyDescent="0.4">
      <c r="A49" s="9"/>
    </row>
    <row r="50" spans="1:1" s="10" customFormat="1" ht="36" customHeight="1" x14ac:dyDescent="0.4">
      <c r="A50" s="9"/>
    </row>
    <row r="51" spans="1:1" s="10" customFormat="1" ht="36" customHeight="1" x14ac:dyDescent="0.4">
      <c r="A51" s="9"/>
    </row>
    <row r="52" spans="1:1" s="10" customFormat="1" ht="36" customHeight="1" x14ac:dyDescent="0.4">
      <c r="A52" s="9"/>
    </row>
    <row r="53" spans="1:1" s="10" customFormat="1" ht="36" customHeight="1" x14ac:dyDescent="0.4">
      <c r="A53" s="9"/>
    </row>
    <row r="54" spans="1:1" s="10" customFormat="1" ht="36" customHeight="1" x14ac:dyDescent="0.4">
      <c r="A54" s="9"/>
    </row>
    <row r="55" spans="1:1" s="10" customFormat="1" ht="36" customHeight="1" x14ac:dyDescent="0.4">
      <c r="A55" s="9"/>
    </row>
    <row r="56" spans="1:1" s="10" customFormat="1" ht="36" customHeight="1" x14ac:dyDescent="0.4">
      <c r="A56" s="9"/>
    </row>
    <row r="57" spans="1:1" s="10" customFormat="1" ht="24" x14ac:dyDescent="0.4">
      <c r="A57" s="9"/>
    </row>
    <row r="58" spans="1:1" s="10" customFormat="1" ht="24" x14ac:dyDescent="0.4">
      <c r="A58" s="9"/>
    </row>
    <row r="59" spans="1:1" s="10" customFormat="1" ht="24" x14ac:dyDescent="0.4">
      <c r="A59" s="9"/>
    </row>
    <row r="60" spans="1:1" s="10" customFormat="1" ht="24" x14ac:dyDescent="0.4">
      <c r="A60" s="9"/>
    </row>
    <row r="61" spans="1:1" s="10" customFormat="1" ht="24" x14ac:dyDescent="0.4">
      <c r="A61" s="9"/>
    </row>
    <row r="62" spans="1:1" s="10" customFormat="1" ht="24" x14ac:dyDescent="0.4">
      <c r="A62" s="9"/>
    </row>
    <row r="63" spans="1:1" s="10" customFormat="1" ht="24" x14ac:dyDescent="0.4">
      <c r="A63" s="9"/>
    </row>
    <row r="64" spans="1:1" s="10" customFormat="1" ht="24" x14ac:dyDescent="0.4">
      <c r="A64" s="9"/>
    </row>
    <row r="65" spans="1:1" s="10" customFormat="1" ht="24" x14ac:dyDescent="0.4">
      <c r="A65" s="9"/>
    </row>
    <row r="66" spans="1:1" s="10" customFormat="1" ht="24" x14ac:dyDescent="0.4">
      <c r="A66" s="9"/>
    </row>
    <row r="67" spans="1:1" s="10" customFormat="1" ht="24" x14ac:dyDescent="0.4">
      <c r="A67" s="9"/>
    </row>
    <row r="68" spans="1:1" s="10" customFormat="1" ht="24" x14ac:dyDescent="0.4">
      <c r="A68" s="9"/>
    </row>
    <row r="69" spans="1:1" s="10" customFormat="1" ht="24" x14ac:dyDescent="0.4">
      <c r="A69" s="9"/>
    </row>
    <row r="70" spans="1:1" s="10" customFormat="1" ht="24" x14ac:dyDescent="0.4">
      <c r="A70" s="9"/>
    </row>
    <row r="71" spans="1:1" s="10" customFormat="1" ht="24" x14ac:dyDescent="0.4">
      <c r="A71" s="9"/>
    </row>
    <row r="72" spans="1:1" s="10" customFormat="1" ht="24" x14ac:dyDescent="0.4">
      <c r="A72" s="9"/>
    </row>
    <row r="73" spans="1:1" s="10" customFormat="1" ht="24" x14ac:dyDescent="0.4">
      <c r="A73" s="9"/>
    </row>
    <row r="74" spans="1:1" s="10" customFormat="1" ht="24" x14ac:dyDescent="0.4">
      <c r="A74" s="9"/>
    </row>
    <row r="75" spans="1:1" s="10" customFormat="1" ht="24" x14ac:dyDescent="0.4">
      <c r="A75" s="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6936AC8-F8AC-4A97-B7AF-A9B3982F9FC7}">
  <dimension ref="B1:O37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6" customWidth="1"/>
    <col min="2" max="6" width="2.125" style="106" customWidth="1"/>
    <col min="7" max="7" width="2.625" style="106" customWidth="1"/>
    <col min="8" max="8" width="23.125" style="106" customWidth="1"/>
    <col min="9" max="12" width="28.125" style="106" customWidth="1"/>
    <col min="13" max="13" width="35.5" style="106" customWidth="1"/>
    <col min="14" max="14" width="26.25" style="106" customWidth="1"/>
    <col min="15" max="15" width="28.125" style="106" customWidth="1"/>
    <col min="16" max="16" width="2.625" style="106" customWidth="1"/>
    <col min="17" max="256" width="8.875" style="106"/>
    <col min="257" max="257" width="2.625" style="106" customWidth="1"/>
    <col min="258" max="262" width="2.125" style="106" customWidth="1"/>
    <col min="263" max="263" width="2.625" style="106" customWidth="1"/>
    <col min="264" max="264" width="23.125" style="106" customWidth="1"/>
    <col min="265" max="268" width="28.125" style="106" customWidth="1"/>
    <col min="269" max="269" width="35.5" style="106" customWidth="1"/>
    <col min="270" max="270" width="26.25" style="106" customWidth="1"/>
    <col min="271" max="271" width="28.125" style="106" customWidth="1"/>
    <col min="272" max="272" width="2.625" style="106" customWidth="1"/>
    <col min="273" max="512" width="8.875" style="106"/>
    <col min="513" max="513" width="2.625" style="106" customWidth="1"/>
    <col min="514" max="518" width="2.125" style="106" customWidth="1"/>
    <col min="519" max="519" width="2.625" style="106" customWidth="1"/>
    <col min="520" max="520" width="23.125" style="106" customWidth="1"/>
    <col min="521" max="524" width="28.125" style="106" customWidth="1"/>
    <col min="525" max="525" width="35.5" style="106" customWidth="1"/>
    <col min="526" max="526" width="26.25" style="106" customWidth="1"/>
    <col min="527" max="527" width="28.125" style="106" customWidth="1"/>
    <col min="528" max="528" width="2.625" style="106" customWidth="1"/>
    <col min="529" max="768" width="8.875" style="106"/>
    <col min="769" max="769" width="2.625" style="106" customWidth="1"/>
    <col min="770" max="774" width="2.125" style="106" customWidth="1"/>
    <col min="775" max="775" width="2.625" style="106" customWidth="1"/>
    <col min="776" max="776" width="23.125" style="106" customWidth="1"/>
    <col min="777" max="780" width="28.125" style="106" customWidth="1"/>
    <col min="781" max="781" width="35.5" style="106" customWidth="1"/>
    <col min="782" max="782" width="26.25" style="106" customWidth="1"/>
    <col min="783" max="783" width="28.125" style="106" customWidth="1"/>
    <col min="784" max="784" width="2.625" style="106" customWidth="1"/>
    <col min="785" max="1024" width="8.875" style="106"/>
    <col min="1025" max="1025" width="2.625" style="106" customWidth="1"/>
    <col min="1026" max="1030" width="2.125" style="106" customWidth="1"/>
    <col min="1031" max="1031" width="2.625" style="106" customWidth="1"/>
    <col min="1032" max="1032" width="23.125" style="106" customWidth="1"/>
    <col min="1033" max="1036" width="28.125" style="106" customWidth="1"/>
    <col min="1037" max="1037" width="35.5" style="106" customWidth="1"/>
    <col min="1038" max="1038" width="26.25" style="106" customWidth="1"/>
    <col min="1039" max="1039" width="28.125" style="106" customWidth="1"/>
    <col min="1040" max="1040" width="2.625" style="106" customWidth="1"/>
    <col min="1041" max="1280" width="8.875" style="106"/>
    <col min="1281" max="1281" width="2.625" style="106" customWidth="1"/>
    <col min="1282" max="1286" width="2.125" style="106" customWidth="1"/>
    <col min="1287" max="1287" width="2.625" style="106" customWidth="1"/>
    <col min="1288" max="1288" width="23.125" style="106" customWidth="1"/>
    <col min="1289" max="1292" width="28.125" style="106" customWidth="1"/>
    <col min="1293" max="1293" width="35.5" style="106" customWidth="1"/>
    <col min="1294" max="1294" width="26.25" style="106" customWidth="1"/>
    <col min="1295" max="1295" width="28.125" style="106" customWidth="1"/>
    <col min="1296" max="1296" width="2.625" style="106" customWidth="1"/>
    <col min="1297" max="1536" width="8.875" style="106"/>
    <col min="1537" max="1537" width="2.625" style="106" customWidth="1"/>
    <col min="1538" max="1542" width="2.125" style="106" customWidth="1"/>
    <col min="1543" max="1543" width="2.625" style="106" customWidth="1"/>
    <col min="1544" max="1544" width="23.125" style="106" customWidth="1"/>
    <col min="1545" max="1548" width="28.125" style="106" customWidth="1"/>
    <col min="1549" max="1549" width="35.5" style="106" customWidth="1"/>
    <col min="1550" max="1550" width="26.25" style="106" customWidth="1"/>
    <col min="1551" max="1551" width="28.125" style="106" customWidth="1"/>
    <col min="1552" max="1552" width="2.625" style="106" customWidth="1"/>
    <col min="1553" max="1792" width="8.875" style="106"/>
    <col min="1793" max="1793" width="2.625" style="106" customWidth="1"/>
    <col min="1794" max="1798" width="2.125" style="106" customWidth="1"/>
    <col min="1799" max="1799" width="2.625" style="106" customWidth="1"/>
    <col min="1800" max="1800" width="23.125" style="106" customWidth="1"/>
    <col min="1801" max="1804" width="28.125" style="106" customWidth="1"/>
    <col min="1805" max="1805" width="35.5" style="106" customWidth="1"/>
    <col min="1806" max="1806" width="26.25" style="106" customWidth="1"/>
    <col min="1807" max="1807" width="28.125" style="106" customWidth="1"/>
    <col min="1808" max="1808" width="2.625" style="106" customWidth="1"/>
    <col min="1809" max="2048" width="8.875" style="106"/>
    <col min="2049" max="2049" width="2.625" style="106" customWidth="1"/>
    <col min="2050" max="2054" width="2.125" style="106" customWidth="1"/>
    <col min="2055" max="2055" width="2.625" style="106" customWidth="1"/>
    <col min="2056" max="2056" width="23.125" style="106" customWidth="1"/>
    <col min="2057" max="2060" width="28.125" style="106" customWidth="1"/>
    <col min="2061" max="2061" width="35.5" style="106" customWidth="1"/>
    <col min="2062" max="2062" width="26.25" style="106" customWidth="1"/>
    <col min="2063" max="2063" width="28.125" style="106" customWidth="1"/>
    <col min="2064" max="2064" width="2.625" style="106" customWidth="1"/>
    <col min="2065" max="2304" width="8.875" style="106"/>
    <col min="2305" max="2305" width="2.625" style="106" customWidth="1"/>
    <col min="2306" max="2310" width="2.125" style="106" customWidth="1"/>
    <col min="2311" max="2311" width="2.625" style="106" customWidth="1"/>
    <col min="2312" max="2312" width="23.125" style="106" customWidth="1"/>
    <col min="2313" max="2316" width="28.125" style="106" customWidth="1"/>
    <col min="2317" max="2317" width="35.5" style="106" customWidth="1"/>
    <col min="2318" max="2318" width="26.25" style="106" customWidth="1"/>
    <col min="2319" max="2319" width="28.125" style="106" customWidth="1"/>
    <col min="2320" max="2320" width="2.625" style="106" customWidth="1"/>
    <col min="2321" max="2560" width="8.875" style="106"/>
    <col min="2561" max="2561" width="2.625" style="106" customWidth="1"/>
    <col min="2562" max="2566" width="2.125" style="106" customWidth="1"/>
    <col min="2567" max="2567" width="2.625" style="106" customWidth="1"/>
    <col min="2568" max="2568" width="23.125" style="106" customWidth="1"/>
    <col min="2569" max="2572" width="28.125" style="106" customWidth="1"/>
    <col min="2573" max="2573" width="35.5" style="106" customWidth="1"/>
    <col min="2574" max="2574" width="26.25" style="106" customWidth="1"/>
    <col min="2575" max="2575" width="28.125" style="106" customWidth="1"/>
    <col min="2576" max="2576" width="2.625" style="106" customWidth="1"/>
    <col min="2577" max="2816" width="8.875" style="106"/>
    <col min="2817" max="2817" width="2.625" style="106" customWidth="1"/>
    <col min="2818" max="2822" width="2.125" style="106" customWidth="1"/>
    <col min="2823" max="2823" width="2.625" style="106" customWidth="1"/>
    <col min="2824" max="2824" width="23.125" style="106" customWidth="1"/>
    <col min="2825" max="2828" width="28.125" style="106" customWidth="1"/>
    <col min="2829" max="2829" width="35.5" style="106" customWidth="1"/>
    <col min="2830" max="2830" width="26.25" style="106" customWidth="1"/>
    <col min="2831" max="2831" width="28.125" style="106" customWidth="1"/>
    <col min="2832" max="2832" width="2.625" style="106" customWidth="1"/>
    <col min="2833" max="3072" width="8.875" style="106"/>
    <col min="3073" max="3073" width="2.625" style="106" customWidth="1"/>
    <col min="3074" max="3078" width="2.125" style="106" customWidth="1"/>
    <col min="3079" max="3079" width="2.625" style="106" customWidth="1"/>
    <col min="3080" max="3080" width="23.125" style="106" customWidth="1"/>
    <col min="3081" max="3084" width="28.125" style="106" customWidth="1"/>
    <col min="3085" max="3085" width="35.5" style="106" customWidth="1"/>
    <col min="3086" max="3086" width="26.25" style="106" customWidth="1"/>
    <col min="3087" max="3087" width="28.125" style="106" customWidth="1"/>
    <col min="3088" max="3088" width="2.625" style="106" customWidth="1"/>
    <col min="3089" max="3328" width="8.875" style="106"/>
    <col min="3329" max="3329" width="2.625" style="106" customWidth="1"/>
    <col min="3330" max="3334" width="2.125" style="106" customWidth="1"/>
    <col min="3335" max="3335" width="2.625" style="106" customWidth="1"/>
    <col min="3336" max="3336" width="23.125" style="106" customWidth="1"/>
    <col min="3337" max="3340" width="28.125" style="106" customWidth="1"/>
    <col min="3341" max="3341" width="35.5" style="106" customWidth="1"/>
    <col min="3342" max="3342" width="26.25" style="106" customWidth="1"/>
    <col min="3343" max="3343" width="28.125" style="106" customWidth="1"/>
    <col min="3344" max="3344" width="2.625" style="106" customWidth="1"/>
    <col min="3345" max="3584" width="8.875" style="106"/>
    <col min="3585" max="3585" width="2.625" style="106" customWidth="1"/>
    <col min="3586" max="3590" width="2.125" style="106" customWidth="1"/>
    <col min="3591" max="3591" width="2.625" style="106" customWidth="1"/>
    <col min="3592" max="3592" width="23.125" style="106" customWidth="1"/>
    <col min="3593" max="3596" width="28.125" style="106" customWidth="1"/>
    <col min="3597" max="3597" width="35.5" style="106" customWidth="1"/>
    <col min="3598" max="3598" width="26.25" style="106" customWidth="1"/>
    <col min="3599" max="3599" width="28.125" style="106" customWidth="1"/>
    <col min="3600" max="3600" width="2.625" style="106" customWidth="1"/>
    <col min="3601" max="3840" width="8.875" style="106"/>
    <col min="3841" max="3841" width="2.625" style="106" customWidth="1"/>
    <col min="3842" max="3846" width="2.125" style="106" customWidth="1"/>
    <col min="3847" max="3847" width="2.625" style="106" customWidth="1"/>
    <col min="3848" max="3848" width="23.125" style="106" customWidth="1"/>
    <col min="3849" max="3852" width="28.125" style="106" customWidth="1"/>
    <col min="3853" max="3853" width="35.5" style="106" customWidth="1"/>
    <col min="3854" max="3854" width="26.25" style="106" customWidth="1"/>
    <col min="3855" max="3855" width="28.125" style="106" customWidth="1"/>
    <col min="3856" max="3856" width="2.625" style="106" customWidth="1"/>
    <col min="3857" max="4096" width="8.875" style="106"/>
    <col min="4097" max="4097" width="2.625" style="106" customWidth="1"/>
    <col min="4098" max="4102" width="2.125" style="106" customWidth="1"/>
    <col min="4103" max="4103" width="2.625" style="106" customWidth="1"/>
    <col min="4104" max="4104" width="23.125" style="106" customWidth="1"/>
    <col min="4105" max="4108" width="28.125" style="106" customWidth="1"/>
    <col min="4109" max="4109" width="35.5" style="106" customWidth="1"/>
    <col min="4110" max="4110" width="26.25" style="106" customWidth="1"/>
    <col min="4111" max="4111" width="28.125" style="106" customWidth="1"/>
    <col min="4112" max="4112" width="2.625" style="106" customWidth="1"/>
    <col min="4113" max="4352" width="8.875" style="106"/>
    <col min="4353" max="4353" width="2.625" style="106" customWidth="1"/>
    <col min="4354" max="4358" width="2.125" style="106" customWidth="1"/>
    <col min="4359" max="4359" width="2.625" style="106" customWidth="1"/>
    <col min="4360" max="4360" width="23.125" style="106" customWidth="1"/>
    <col min="4361" max="4364" width="28.125" style="106" customWidth="1"/>
    <col min="4365" max="4365" width="35.5" style="106" customWidth="1"/>
    <col min="4366" max="4366" width="26.25" style="106" customWidth="1"/>
    <col min="4367" max="4367" width="28.125" style="106" customWidth="1"/>
    <col min="4368" max="4368" width="2.625" style="106" customWidth="1"/>
    <col min="4369" max="4608" width="8.875" style="106"/>
    <col min="4609" max="4609" width="2.625" style="106" customWidth="1"/>
    <col min="4610" max="4614" width="2.125" style="106" customWidth="1"/>
    <col min="4615" max="4615" width="2.625" style="106" customWidth="1"/>
    <col min="4616" max="4616" width="23.125" style="106" customWidth="1"/>
    <col min="4617" max="4620" width="28.125" style="106" customWidth="1"/>
    <col min="4621" max="4621" width="35.5" style="106" customWidth="1"/>
    <col min="4622" max="4622" width="26.25" style="106" customWidth="1"/>
    <col min="4623" max="4623" width="28.125" style="106" customWidth="1"/>
    <col min="4624" max="4624" width="2.625" style="106" customWidth="1"/>
    <col min="4625" max="4864" width="8.875" style="106"/>
    <col min="4865" max="4865" width="2.625" style="106" customWidth="1"/>
    <col min="4866" max="4870" width="2.125" style="106" customWidth="1"/>
    <col min="4871" max="4871" width="2.625" style="106" customWidth="1"/>
    <col min="4872" max="4872" width="23.125" style="106" customWidth="1"/>
    <col min="4873" max="4876" width="28.125" style="106" customWidth="1"/>
    <col min="4877" max="4877" width="35.5" style="106" customWidth="1"/>
    <col min="4878" max="4878" width="26.25" style="106" customWidth="1"/>
    <col min="4879" max="4879" width="28.125" style="106" customWidth="1"/>
    <col min="4880" max="4880" width="2.625" style="106" customWidth="1"/>
    <col min="4881" max="5120" width="8.875" style="106"/>
    <col min="5121" max="5121" width="2.625" style="106" customWidth="1"/>
    <col min="5122" max="5126" width="2.125" style="106" customWidth="1"/>
    <col min="5127" max="5127" width="2.625" style="106" customWidth="1"/>
    <col min="5128" max="5128" width="23.125" style="106" customWidth="1"/>
    <col min="5129" max="5132" width="28.125" style="106" customWidth="1"/>
    <col min="5133" max="5133" width="35.5" style="106" customWidth="1"/>
    <col min="5134" max="5134" width="26.25" style="106" customWidth="1"/>
    <col min="5135" max="5135" width="28.125" style="106" customWidth="1"/>
    <col min="5136" max="5136" width="2.625" style="106" customWidth="1"/>
    <col min="5137" max="5376" width="8.875" style="106"/>
    <col min="5377" max="5377" width="2.625" style="106" customWidth="1"/>
    <col min="5378" max="5382" width="2.125" style="106" customWidth="1"/>
    <col min="5383" max="5383" width="2.625" style="106" customWidth="1"/>
    <col min="5384" max="5384" width="23.125" style="106" customWidth="1"/>
    <col min="5385" max="5388" width="28.125" style="106" customWidth="1"/>
    <col min="5389" max="5389" width="35.5" style="106" customWidth="1"/>
    <col min="5390" max="5390" width="26.25" style="106" customWidth="1"/>
    <col min="5391" max="5391" width="28.125" style="106" customWidth="1"/>
    <col min="5392" max="5392" width="2.625" style="106" customWidth="1"/>
    <col min="5393" max="5632" width="8.875" style="106"/>
    <col min="5633" max="5633" width="2.625" style="106" customWidth="1"/>
    <col min="5634" max="5638" width="2.125" style="106" customWidth="1"/>
    <col min="5639" max="5639" width="2.625" style="106" customWidth="1"/>
    <col min="5640" max="5640" width="23.125" style="106" customWidth="1"/>
    <col min="5641" max="5644" width="28.125" style="106" customWidth="1"/>
    <col min="5645" max="5645" width="35.5" style="106" customWidth="1"/>
    <col min="5646" max="5646" width="26.25" style="106" customWidth="1"/>
    <col min="5647" max="5647" width="28.125" style="106" customWidth="1"/>
    <col min="5648" max="5648" width="2.625" style="106" customWidth="1"/>
    <col min="5649" max="5888" width="8.875" style="106"/>
    <col min="5889" max="5889" width="2.625" style="106" customWidth="1"/>
    <col min="5890" max="5894" width="2.125" style="106" customWidth="1"/>
    <col min="5895" max="5895" width="2.625" style="106" customWidth="1"/>
    <col min="5896" max="5896" width="23.125" style="106" customWidth="1"/>
    <col min="5897" max="5900" width="28.125" style="106" customWidth="1"/>
    <col min="5901" max="5901" width="35.5" style="106" customWidth="1"/>
    <col min="5902" max="5902" width="26.25" style="106" customWidth="1"/>
    <col min="5903" max="5903" width="28.125" style="106" customWidth="1"/>
    <col min="5904" max="5904" width="2.625" style="106" customWidth="1"/>
    <col min="5905" max="6144" width="8.875" style="106"/>
    <col min="6145" max="6145" width="2.625" style="106" customWidth="1"/>
    <col min="6146" max="6150" width="2.125" style="106" customWidth="1"/>
    <col min="6151" max="6151" width="2.625" style="106" customWidth="1"/>
    <col min="6152" max="6152" width="23.125" style="106" customWidth="1"/>
    <col min="6153" max="6156" width="28.125" style="106" customWidth="1"/>
    <col min="6157" max="6157" width="35.5" style="106" customWidth="1"/>
    <col min="6158" max="6158" width="26.25" style="106" customWidth="1"/>
    <col min="6159" max="6159" width="28.125" style="106" customWidth="1"/>
    <col min="6160" max="6160" width="2.625" style="106" customWidth="1"/>
    <col min="6161" max="6400" width="8.875" style="106"/>
    <col min="6401" max="6401" width="2.625" style="106" customWidth="1"/>
    <col min="6402" max="6406" width="2.125" style="106" customWidth="1"/>
    <col min="6407" max="6407" width="2.625" style="106" customWidth="1"/>
    <col min="6408" max="6408" width="23.125" style="106" customWidth="1"/>
    <col min="6409" max="6412" width="28.125" style="106" customWidth="1"/>
    <col min="6413" max="6413" width="35.5" style="106" customWidth="1"/>
    <col min="6414" max="6414" width="26.25" style="106" customWidth="1"/>
    <col min="6415" max="6415" width="28.125" style="106" customWidth="1"/>
    <col min="6416" max="6416" width="2.625" style="106" customWidth="1"/>
    <col min="6417" max="6656" width="8.875" style="106"/>
    <col min="6657" max="6657" width="2.625" style="106" customWidth="1"/>
    <col min="6658" max="6662" width="2.125" style="106" customWidth="1"/>
    <col min="6663" max="6663" width="2.625" style="106" customWidth="1"/>
    <col min="6664" max="6664" width="23.125" style="106" customWidth="1"/>
    <col min="6665" max="6668" width="28.125" style="106" customWidth="1"/>
    <col min="6669" max="6669" width="35.5" style="106" customWidth="1"/>
    <col min="6670" max="6670" width="26.25" style="106" customWidth="1"/>
    <col min="6671" max="6671" width="28.125" style="106" customWidth="1"/>
    <col min="6672" max="6672" width="2.625" style="106" customWidth="1"/>
    <col min="6673" max="6912" width="8.875" style="106"/>
    <col min="6913" max="6913" width="2.625" style="106" customWidth="1"/>
    <col min="6914" max="6918" width="2.125" style="106" customWidth="1"/>
    <col min="6919" max="6919" width="2.625" style="106" customWidth="1"/>
    <col min="6920" max="6920" width="23.125" style="106" customWidth="1"/>
    <col min="6921" max="6924" width="28.125" style="106" customWidth="1"/>
    <col min="6925" max="6925" width="35.5" style="106" customWidth="1"/>
    <col min="6926" max="6926" width="26.25" style="106" customWidth="1"/>
    <col min="6927" max="6927" width="28.125" style="106" customWidth="1"/>
    <col min="6928" max="6928" width="2.625" style="106" customWidth="1"/>
    <col min="6929" max="7168" width="8.875" style="106"/>
    <col min="7169" max="7169" width="2.625" style="106" customWidth="1"/>
    <col min="7170" max="7174" width="2.125" style="106" customWidth="1"/>
    <col min="7175" max="7175" width="2.625" style="106" customWidth="1"/>
    <col min="7176" max="7176" width="23.125" style="106" customWidth="1"/>
    <col min="7177" max="7180" width="28.125" style="106" customWidth="1"/>
    <col min="7181" max="7181" width="35.5" style="106" customWidth="1"/>
    <col min="7182" max="7182" width="26.25" style="106" customWidth="1"/>
    <col min="7183" max="7183" width="28.125" style="106" customWidth="1"/>
    <col min="7184" max="7184" width="2.625" style="106" customWidth="1"/>
    <col min="7185" max="7424" width="8.875" style="106"/>
    <col min="7425" max="7425" width="2.625" style="106" customWidth="1"/>
    <col min="7426" max="7430" width="2.125" style="106" customWidth="1"/>
    <col min="7431" max="7431" width="2.625" style="106" customWidth="1"/>
    <col min="7432" max="7432" width="23.125" style="106" customWidth="1"/>
    <col min="7433" max="7436" width="28.125" style="106" customWidth="1"/>
    <col min="7437" max="7437" width="35.5" style="106" customWidth="1"/>
    <col min="7438" max="7438" width="26.25" style="106" customWidth="1"/>
    <col min="7439" max="7439" width="28.125" style="106" customWidth="1"/>
    <col min="7440" max="7440" width="2.625" style="106" customWidth="1"/>
    <col min="7441" max="7680" width="8.875" style="106"/>
    <col min="7681" max="7681" width="2.625" style="106" customWidth="1"/>
    <col min="7682" max="7686" width="2.125" style="106" customWidth="1"/>
    <col min="7687" max="7687" width="2.625" style="106" customWidth="1"/>
    <col min="7688" max="7688" width="23.125" style="106" customWidth="1"/>
    <col min="7689" max="7692" width="28.125" style="106" customWidth="1"/>
    <col min="7693" max="7693" width="35.5" style="106" customWidth="1"/>
    <col min="7694" max="7694" width="26.25" style="106" customWidth="1"/>
    <col min="7695" max="7695" width="28.125" style="106" customWidth="1"/>
    <col min="7696" max="7696" width="2.625" style="106" customWidth="1"/>
    <col min="7697" max="7936" width="8.875" style="106"/>
    <col min="7937" max="7937" width="2.625" style="106" customWidth="1"/>
    <col min="7938" max="7942" width="2.125" style="106" customWidth="1"/>
    <col min="7943" max="7943" width="2.625" style="106" customWidth="1"/>
    <col min="7944" max="7944" width="23.125" style="106" customWidth="1"/>
    <col min="7945" max="7948" width="28.125" style="106" customWidth="1"/>
    <col min="7949" max="7949" width="35.5" style="106" customWidth="1"/>
    <col min="7950" max="7950" width="26.25" style="106" customWidth="1"/>
    <col min="7951" max="7951" width="28.125" style="106" customWidth="1"/>
    <col min="7952" max="7952" width="2.625" style="106" customWidth="1"/>
    <col min="7953" max="8192" width="8.875" style="106"/>
    <col min="8193" max="8193" width="2.625" style="106" customWidth="1"/>
    <col min="8194" max="8198" width="2.125" style="106" customWidth="1"/>
    <col min="8199" max="8199" width="2.625" style="106" customWidth="1"/>
    <col min="8200" max="8200" width="23.125" style="106" customWidth="1"/>
    <col min="8201" max="8204" width="28.125" style="106" customWidth="1"/>
    <col min="8205" max="8205" width="35.5" style="106" customWidth="1"/>
    <col min="8206" max="8206" width="26.25" style="106" customWidth="1"/>
    <col min="8207" max="8207" width="28.125" style="106" customWidth="1"/>
    <col min="8208" max="8208" width="2.625" style="106" customWidth="1"/>
    <col min="8209" max="8448" width="8.875" style="106"/>
    <col min="8449" max="8449" width="2.625" style="106" customWidth="1"/>
    <col min="8450" max="8454" width="2.125" style="106" customWidth="1"/>
    <col min="8455" max="8455" width="2.625" style="106" customWidth="1"/>
    <col min="8456" max="8456" width="23.125" style="106" customWidth="1"/>
    <col min="8457" max="8460" width="28.125" style="106" customWidth="1"/>
    <col min="8461" max="8461" width="35.5" style="106" customWidth="1"/>
    <col min="8462" max="8462" width="26.25" style="106" customWidth="1"/>
    <col min="8463" max="8463" width="28.125" style="106" customWidth="1"/>
    <col min="8464" max="8464" width="2.625" style="106" customWidth="1"/>
    <col min="8465" max="8704" width="8.875" style="106"/>
    <col min="8705" max="8705" width="2.625" style="106" customWidth="1"/>
    <col min="8706" max="8710" width="2.125" style="106" customWidth="1"/>
    <col min="8711" max="8711" width="2.625" style="106" customWidth="1"/>
    <col min="8712" max="8712" width="23.125" style="106" customWidth="1"/>
    <col min="8713" max="8716" width="28.125" style="106" customWidth="1"/>
    <col min="8717" max="8717" width="35.5" style="106" customWidth="1"/>
    <col min="8718" max="8718" width="26.25" style="106" customWidth="1"/>
    <col min="8719" max="8719" width="28.125" style="106" customWidth="1"/>
    <col min="8720" max="8720" width="2.625" style="106" customWidth="1"/>
    <col min="8721" max="8960" width="8.875" style="106"/>
    <col min="8961" max="8961" width="2.625" style="106" customWidth="1"/>
    <col min="8962" max="8966" width="2.125" style="106" customWidth="1"/>
    <col min="8967" max="8967" width="2.625" style="106" customWidth="1"/>
    <col min="8968" max="8968" width="23.125" style="106" customWidth="1"/>
    <col min="8969" max="8972" width="28.125" style="106" customWidth="1"/>
    <col min="8973" max="8973" width="35.5" style="106" customWidth="1"/>
    <col min="8974" max="8974" width="26.25" style="106" customWidth="1"/>
    <col min="8975" max="8975" width="28.125" style="106" customWidth="1"/>
    <col min="8976" max="8976" width="2.625" style="106" customWidth="1"/>
    <col min="8977" max="9216" width="8.875" style="106"/>
    <col min="9217" max="9217" width="2.625" style="106" customWidth="1"/>
    <col min="9218" max="9222" width="2.125" style="106" customWidth="1"/>
    <col min="9223" max="9223" width="2.625" style="106" customWidth="1"/>
    <col min="9224" max="9224" width="23.125" style="106" customWidth="1"/>
    <col min="9225" max="9228" width="28.125" style="106" customWidth="1"/>
    <col min="9229" max="9229" width="35.5" style="106" customWidth="1"/>
    <col min="9230" max="9230" width="26.25" style="106" customWidth="1"/>
    <col min="9231" max="9231" width="28.125" style="106" customWidth="1"/>
    <col min="9232" max="9232" width="2.625" style="106" customWidth="1"/>
    <col min="9233" max="9472" width="8.875" style="106"/>
    <col min="9473" max="9473" width="2.625" style="106" customWidth="1"/>
    <col min="9474" max="9478" width="2.125" style="106" customWidth="1"/>
    <col min="9479" max="9479" width="2.625" style="106" customWidth="1"/>
    <col min="9480" max="9480" width="23.125" style="106" customWidth="1"/>
    <col min="9481" max="9484" width="28.125" style="106" customWidth="1"/>
    <col min="9485" max="9485" width="35.5" style="106" customWidth="1"/>
    <col min="9486" max="9486" width="26.25" style="106" customWidth="1"/>
    <col min="9487" max="9487" width="28.125" style="106" customWidth="1"/>
    <col min="9488" max="9488" width="2.625" style="106" customWidth="1"/>
    <col min="9489" max="9728" width="8.875" style="106"/>
    <col min="9729" max="9729" width="2.625" style="106" customWidth="1"/>
    <col min="9730" max="9734" width="2.125" style="106" customWidth="1"/>
    <col min="9735" max="9735" width="2.625" style="106" customWidth="1"/>
    <col min="9736" max="9736" width="23.125" style="106" customWidth="1"/>
    <col min="9737" max="9740" width="28.125" style="106" customWidth="1"/>
    <col min="9741" max="9741" width="35.5" style="106" customWidth="1"/>
    <col min="9742" max="9742" width="26.25" style="106" customWidth="1"/>
    <col min="9743" max="9743" width="28.125" style="106" customWidth="1"/>
    <col min="9744" max="9744" width="2.625" style="106" customWidth="1"/>
    <col min="9745" max="9984" width="8.875" style="106"/>
    <col min="9985" max="9985" width="2.625" style="106" customWidth="1"/>
    <col min="9986" max="9990" width="2.125" style="106" customWidth="1"/>
    <col min="9991" max="9991" width="2.625" style="106" customWidth="1"/>
    <col min="9992" max="9992" width="23.125" style="106" customWidth="1"/>
    <col min="9993" max="9996" width="28.125" style="106" customWidth="1"/>
    <col min="9997" max="9997" width="35.5" style="106" customWidth="1"/>
    <col min="9998" max="9998" width="26.25" style="106" customWidth="1"/>
    <col min="9999" max="9999" width="28.125" style="106" customWidth="1"/>
    <col min="10000" max="10000" width="2.625" style="106" customWidth="1"/>
    <col min="10001" max="10240" width="8.875" style="106"/>
    <col min="10241" max="10241" width="2.625" style="106" customWidth="1"/>
    <col min="10242" max="10246" width="2.125" style="106" customWidth="1"/>
    <col min="10247" max="10247" width="2.625" style="106" customWidth="1"/>
    <col min="10248" max="10248" width="23.125" style="106" customWidth="1"/>
    <col min="10249" max="10252" width="28.125" style="106" customWidth="1"/>
    <col min="10253" max="10253" width="35.5" style="106" customWidth="1"/>
    <col min="10254" max="10254" width="26.25" style="106" customWidth="1"/>
    <col min="10255" max="10255" width="28.125" style="106" customWidth="1"/>
    <col min="10256" max="10256" width="2.625" style="106" customWidth="1"/>
    <col min="10257" max="10496" width="8.875" style="106"/>
    <col min="10497" max="10497" width="2.625" style="106" customWidth="1"/>
    <col min="10498" max="10502" width="2.125" style="106" customWidth="1"/>
    <col min="10503" max="10503" width="2.625" style="106" customWidth="1"/>
    <col min="10504" max="10504" width="23.125" style="106" customWidth="1"/>
    <col min="10505" max="10508" width="28.125" style="106" customWidth="1"/>
    <col min="10509" max="10509" width="35.5" style="106" customWidth="1"/>
    <col min="10510" max="10510" width="26.25" style="106" customWidth="1"/>
    <col min="10511" max="10511" width="28.125" style="106" customWidth="1"/>
    <col min="10512" max="10512" width="2.625" style="106" customWidth="1"/>
    <col min="10513" max="10752" width="8.875" style="106"/>
    <col min="10753" max="10753" width="2.625" style="106" customWidth="1"/>
    <col min="10754" max="10758" width="2.125" style="106" customWidth="1"/>
    <col min="10759" max="10759" width="2.625" style="106" customWidth="1"/>
    <col min="10760" max="10760" width="23.125" style="106" customWidth="1"/>
    <col min="10761" max="10764" width="28.125" style="106" customWidth="1"/>
    <col min="10765" max="10765" width="35.5" style="106" customWidth="1"/>
    <col min="10766" max="10766" width="26.25" style="106" customWidth="1"/>
    <col min="10767" max="10767" width="28.125" style="106" customWidth="1"/>
    <col min="10768" max="10768" width="2.625" style="106" customWidth="1"/>
    <col min="10769" max="11008" width="8.875" style="106"/>
    <col min="11009" max="11009" width="2.625" style="106" customWidth="1"/>
    <col min="11010" max="11014" width="2.125" style="106" customWidth="1"/>
    <col min="11015" max="11015" width="2.625" style="106" customWidth="1"/>
    <col min="11016" max="11016" width="23.125" style="106" customWidth="1"/>
    <col min="11017" max="11020" width="28.125" style="106" customWidth="1"/>
    <col min="11021" max="11021" width="35.5" style="106" customWidth="1"/>
    <col min="11022" max="11022" width="26.25" style="106" customWidth="1"/>
    <col min="11023" max="11023" width="28.125" style="106" customWidth="1"/>
    <col min="11024" max="11024" width="2.625" style="106" customWidth="1"/>
    <col min="11025" max="11264" width="8.875" style="106"/>
    <col min="11265" max="11265" width="2.625" style="106" customWidth="1"/>
    <col min="11266" max="11270" width="2.125" style="106" customWidth="1"/>
    <col min="11271" max="11271" width="2.625" style="106" customWidth="1"/>
    <col min="11272" max="11272" width="23.125" style="106" customWidth="1"/>
    <col min="11273" max="11276" width="28.125" style="106" customWidth="1"/>
    <col min="11277" max="11277" width="35.5" style="106" customWidth="1"/>
    <col min="11278" max="11278" width="26.25" style="106" customWidth="1"/>
    <col min="11279" max="11279" width="28.125" style="106" customWidth="1"/>
    <col min="11280" max="11280" width="2.625" style="106" customWidth="1"/>
    <col min="11281" max="11520" width="8.875" style="106"/>
    <col min="11521" max="11521" width="2.625" style="106" customWidth="1"/>
    <col min="11522" max="11526" width="2.125" style="106" customWidth="1"/>
    <col min="11527" max="11527" width="2.625" style="106" customWidth="1"/>
    <col min="11528" max="11528" width="23.125" style="106" customWidth="1"/>
    <col min="11529" max="11532" width="28.125" style="106" customWidth="1"/>
    <col min="11533" max="11533" width="35.5" style="106" customWidth="1"/>
    <col min="11534" max="11534" width="26.25" style="106" customWidth="1"/>
    <col min="11535" max="11535" width="28.125" style="106" customWidth="1"/>
    <col min="11536" max="11536" width="2.625" style="106" customWidth="1"/>
    <col min="11537" max="11776" width="8.875" style="106"/>
    <col min="11777" max="11777" width="2.625" style="106" customWidth="1"/>
    <col min="11778" max="11782" width="2.125" style="106" customWidth="1"/>
    <col min="11783" max="11783" width="2.625" style="106" customWidth="1"/>
    <col min="11784" max="11784" width="23.125" style="106" customWidth="1"/>
    <col min="11785" max="11788" width="28.125" style="106" customWidth="1"/>
    <col min="11789" max="11789" width="35.5" style="106" customWidth="1"/>
    <col min="11790" max="11790" width="26.25" style="106" customWidth="1"/>
    <col min="11791" max="11791" width="28.125" style="106" customWidth="1"/>
    <col min="11792" max="11792" width="2.625" style="106" customWidth="1"/>
    <col min="11793" max="12032" width="8.875" style="106"/>
    <col min="12033" max="12033" width="2.625" style="106" customWidth="1"/>
    <col min="12034" max="12038" width="2.125" style="106" customWidth="1"/>
    <col min="12039" max="12039" width="2.625" style="106" customWidth="1"/>
    <col min="12040" max="12040" width="23.125" style="106" customWidth="1"/>
    <col min="12041" max="12044" width="28.125" style="106" customWidth="1"/>
    <col min="12045" max="12045" width="35.5" style="106" customWidth="1"/>
    <col min="12046" max="12046" width="26.25" style="106" customWidth="1"/>
    <col min="12047" max="12047" width="28.125" style="106" customWidth="1"/>
    <col min="12048" max="12048" width="2.625" style="106" customWidth="1"/>
    <col min="12049" max="12288" width="8.875" style="106"/>
    <col min="12289" max="12289" width="2.625" style="106" customWidth="1"/>
    <col min="12290" max="12294" width="2.125" style="106" customWidth="1"/>
    <col min="12295" max="12295" width="2.625" style="106" customWidth="1"/>
    <col min="12296" max="12296" width="23.125" style="106" customWidth="1"/>
    <col min="12297" max="12300" width="28.125" style="106" customWidth="1"/>
    <col min="12301" max="12301" width="35.5" style="106" customWidth="1"/>
    <col min="12302" max="12302" width="26.25" style="106" customWidth="1"/>
    <col min="12303" max="12303" width="28.125" style="106" customWidth="1"/>
    <col min="12304" max="12304" width="2.625" style="106" customWidth="1"/>
    <col min="12305" max="12544" width="8.875" style="106"/>
    <col min="12545" max="12545" width="2.625" style="106" customWidth="1"/>
    <col min="12546" max="12550" width="2.125" style="106" customWidth="1"/>
    <col min="12551" max="12551" width="2.625" style="106" customWidth="1"/>
    <col min="12552" max="12552" width="23.125" style="106" customWidth="1"/>
    <col min="12553" max="12556" width="28.125" style="106" customWidth="1"/>
    <col min="12557" max="12557" width="35.5" style="106" customWidth="1"/>
    <col min="12558" max="12558" width="26.25" style="106" customWidth="1"/>
    <col min="12559" max="12559" width="28.125" style="106" customWidth="1"/>
    <col min="12560" max="12560" width="2.625" style="106" customWidth="1"/>
    <col min="12561" max="12800" width="8.875" style="106"/>
    <col min="12801" max="12801" width="2.625" style="106" customWidth="1"/>
    <col min="12802" max="12806" width="2.125" style="106" customWidth="1"/>
    <col min="12807" max="12807" width="2.625" style="106" customWidth="1"/>
    <col min="12808" max="12808" width="23.125" style="106" customWidth="1"/>
    <col min="12809" max="12812" width="28.125" style="106" customWidth="1"/>
    <col min="12813" max="12813" width="35.5" style="106" customWidth="1"/>
    <col min="12814" max="12814" width="26.25" style="106" customWidth="1"/>
    <col min="12815" max="12815" width="28.125" style="106" customWidth="1"/>
    <col min="12816" max="12816" width="2.625" style="106" customWidth="1"/>
    <col min="12817" max="13056" width="8.875" style="106"/>
    <col min="13057" max="13057" width="2.625" style="106" customWidth="1"/>
    <col min="13058" max="13062" width="2.125" style="106" customWidth="1"/>
    <col min="13063" max="13063" width="2.625" style="106" customWidth="1"/>
    <col min="13064" max="13064" width="23.125" style="106" customWidth="1"/>
    <col min="13065" max="13068" width="28.125" style="106" customWidth="1"/>
    <col min="13069" max="13069" width="35.5" style="106" customWidth="1"/>
    <col min="13070" max="13070" width="26.25" style="106" customWidth="1"/>
    <col min="13071" max="13071" width="28.125" style="106" customWidth="1"/>
    <col min="13072" max="13072" width="2.625" style="106" customWidth="1"/>
    <col min="13073" max="13312" width="8.875" style="106"/>
    <col min="13313" max="13313" width="2.625" style="106" customWidth="1"/>
    <col min="13314" max="13318" width="2.125" style="106" customWidth="1"/>
    <col min="13319" max="13319" width="2.625" style="106" customWidth="1"/>
    <col min="13320" max="13320" width="23.125" style="106" customWidth="1"/>
    <col min="13321" max="13324" width="28.125" style="106" customWidth="1"/>
    <col min="13325" max="13325" width="35.5" style="106" customWidth="1"/>
    <col min="13326" max="13326" width="26.25" style="106" customWidth="1"/>
    <col min="13327" max="13327" width="28.125" style="106" customWidth="1"/>
    <col min="13328" max="13328" width="2.625" style="106" customWidth="1"/>
    <col min="13329" max="13568" width="8.875" style="106"/>
    <col min="13569" max="13569" width="2.625" style="106" customWidth="1"/>
    <col min="13570" max="13574" width="2.125" style="106" customWidth="1"/>
    <col min="13575" max="13575" width="2.625" style="106" customWidth="1"/>
    <col min="13576" max="13576" width="23.125" style="106" customWidth="1"/>
    <col min="13577" max="13580" width="28.125" style="106" customWidth="1"/>
    <col min="13581" max="13581" width="35.5" style="106" customWidth="1"/>
    <col min="13582" max="13582" width="26.25" style="106" customWidth="1"/>
    <col min="13583" max="13583" width="28.125" style="106" customWidth="1"/>
    <col min="13584" max="13584" width="2.625" style="106" customWidth="1"/>
    <col min="13585" max="13824" width="8.875" style="106"/>
    <col min="13825" max="13825" width="2.625" style="106" customWidth="1"/>
    <col min="13826" max="13830" width="2.125" style="106" customWidth="1"/>
    <col min="13831" max="13831" width="2.625" style="106" customWidth="1"/>
    <col min="13832" max="13832" width="23.125" style="106" customWidth="1"/>
    <col min="13833" max="13836" width="28.125" style="106" customWidth="1"/>
    <col min="13837" max="13837" width="35.5" style="106" customWidth="1"/>
    <col min="13838" max="13838" width="26.25" style="106" customWidth="1"/>
    <col min="13839" max="13839" width="28.125" style="106" customWidth="1"/>
    <col min="13840" max="13840" width="2.625" style="106" customWidth="1"/>
    <col min="13841" max="14080" width="8.875" style="106"/>
    <col min="14081" max="14081" width="2.625" style="106" customWidth="1"/>
    <col min="14082" max="14086" width="2.125" style="106" customWidth="1"/>
    <col min="14087" max="14087" width="2.625" style="106" customWidth="1"/>
    <col min="14088" max="14088" width="23.125" style="106" customWidth="1"/>
    <col min="14089" max="14092" width="28.125" style="106" customWidth="1"/>
    <col min="14093" max="14093" width="35.5" style="106" customWidth="1"/>
    <col min="14094" max="14094" width="26.25" style="106" customWidth="1"/>
    <col min="14095" max="14095" width="28.125" style="106" customWidth="1"/>
    <col min="14096" max="14096" width="2.625" style="106" customWidth="1"/>
    <col min="14097" max="14336" width="8.875" style="106"/>
    <col min="14337" max="14337" width="2.625" style="106" customWidth="1"/>
    <col min="14338" max="14342" width="2.125" style="106" customWidth="1"/>
    <col min="14343" max="14343" width="2.625" style="106" customWidth="1"/>
    <col min="14344" max="14344" width="23.125" style="106" customWidth="1"/>
    <col min="14345" max="14348" width="28.125" style="106" customWidth="1"/>
    <col min="14349" max="14349" width="35.5" style="106" customWidth="1"/>
    <col min="14350" max="14350" width="26.25" style="106" customWidth="1"/>
    <col min="14351" max="14351" width="28.125" style="106" customWidth="1"/>
    <col min="14352" max="14352" width="2.625" style="106" customWidth="1"/>
    <col min="14353" max="14592" width="8.875" style="106"/>
    <col min="14593" max="14593" width="2.625" style="106" customWidth="1"/>
    <col min="14594" max="14598" width="2.125" style="106" customWidth="1"/>
    <col min="14599" max="14599" width="2.625" style="106" customWidth="1"/>
    <col min="14600" max="14600" width="23.125" style="106" customWidth="1"/>
    <col min="14601" max="14604" width="28.125" style="106" customWidth="1"/>
    <col min="14605" max="14605" width="35.5" style="106" customWidth="1"/>
    <col min="14606" max="14606" width="26.25" style="106" customWidth="1"/>
    <col min="14607" max="14607" width="28.125" style="106" customWidth="1"/>
    <col min="14608" max="14608" width="2.625" style="106" customWidth="1"/>
    <col min="14609" max="14848" width="8.875" style="106"/>
    <col min="14849" max="14849" width="2.625" style="106" customWidth="1"/>
    <col min="14850" max="14854" width="2.125" style="106" customWidth="1"/>
    <col min="14855" max="14855" width="2.625" style="106" customWidth="1"/>
    <col min="14856" max="14856" width="23.125" style="106" customWidth="1"/>
    <col min="14857" max="14860" width="28.125" style="106" customWidth="1"/>
    <col min="14861" max="14861" width="35.5" style="106" customWidth="1"/>
    <col min="14862" max="14862" width="26.25" style="106" customWidth="1"/>
    <col min="14863" max="14863" width="28.125" style="106" customWidth="1"/>
    <col min="14864" max="14864" width="2.625" style="106" customWidth="1"/>
    <col min="14865" max="15104" width="8.875" style="106"/>
    <col min="15105" max="15105" width="2.625" style="106" customWidth="1"/>
    <col min="15106" max="15110" width="2.125" style="106" customWidth="1"/>
    <col min="15111" max="15111" width="2.625" style="106" customWidth="1"/>
    <col min="15112" max="15112" width="23.125" style="106" customWidth="1"/>
    <col min="15113" max="15116" width="28.125" style="106" customWidth="1"/>
    <col min="15117" max="15117" width="35.5" style="106" customWidth="1"/>
    <col min="15118" max="15118" width="26.25" style="106" customWidth="1"/>
    <col min="15119" max="15119" width="28.125" style="106" customWidth="1"/>
    <col min="15120" max="15120" width="2.625" style="106" customWidth="1"/>
    <col min="15121" max="15360" width="8.875" style="106"/>
    <col min="15361" max="15361" width="2.625" style="106" customWidth="1"/>
    <col min="15362" max="15366" width="2.125" style="106" customWidth="1"/>
    <col min="15367" max="15367" width="2.625" style="106" customWidth="1"/>
    <col min="15368" max="15368" width="23.125" style="106" customWidth="1"/>
    <col min="15369" max="15372" width="28.125" style="106" customWidth="1"/>
    <col min="15373" max="15373" width="35.5" style="106" customWidth="1"/>
    <col min="15374" max="15374" width="26.25" style="106" customWidth="1"/>
    <col min="15375" max="15375" width="28.125" style="106" customWidth="1"/>
    <col min="15376" max="15376" width="2.625" style="106" customWidth="1"/>
    <col min="15377" max="15616" width="8.875" style="106"/>
    <col min="15617" max="15617" width="2.625" style="106" customWidth="1"/>
    <col min="15618" max="15622" width="2.125" style="106" customWidth="1"/>
    <col min="15623" max="15623" width="2.625" style="106" customWidth="1"/>
    <col min="15624" max="15624" width="23.125" style="106" customWidth="1"/>
    <col min="15625" max="15628" width="28.125" style="106" customWidth="1"/>
    <col min="15629" max="15629" width="35.5" style="106" customWidth="1"/>
    <col min="15630" max="15630" width="26.25" style="106" customWidth="1"/>
    <col min="15631" max="15631" width="28.125" style="106" customWidth="1"/>
    <col min="15632" max="15632" width="2.625" style="106" customWidth="1"/>
    <col min="15633" max="15872" width="8.875" style="106"/>
    <col min="15873" max="15873" width="2.625" style="106" customWidth="1"/>
    <col min="15874" max="15878" width="2.125" style="106" customWidth="1"/>
    <col min="15879" max="15879" width="2.625" style="106" customWidth="1"/>
    <col min="15880" max="15880" width="23.125" style="106" customWidth="1"/>
    <col min="15881" max="15884" width="28.125" style="106" customWidth="1"/>
    <col min="15885" max="15885" width="35.5" style="106" customWidth="1"/>
    <col min="15886" max="15886" width="26.25" style="106" customWidth="1"/>
    <col min="15887" max="15887" width="28.125" style="106" customWidth="1"/>
    <col min="15888" max="15888" width="2.625" style="106" customWidth="1"/>
    <col min="15889" max="16128" width="8.875" style="106"/>
    <col min="16129" max="16129" width="2.625" style="106" customWidth="1"/>
    <col min="16130" max="16134" width="2.125" style="106" customWidth="1"/>
    <col min="16135" max="16135" width="2.625" style="106" customWidth="1"/>
    <col min="16136" max="16136" width="23.125" style="106" customWidth="1"/>
    <col min="16137" max="16140" width="28.125" style="106" customWidth="1"/>
    <col min="16141" max="16141" width="35.5" style="106" customWidth="1"/>
    <col min="16142" max="16142" width="26.25" style="106" customWidth="1"/>
    <col min="16143" max="16143" width="28.125" style="106" customWidth="1"/>
    <col min="16144" max="16144" width="2.625" style="106" customWidth="1"/>
    <col min="16145" max="16384" width="8.875" style="106"/>
  </cols>
  <sheetData>
    <row r="1" spans="2:15" s="105" customFormat="1" ht="22.5" customHeight="1" x14ac:dyDescent="0.4">
      <c r="B1" s="12" t="s">
        <v>5</v>
      </c>
    </row>
    <row r="2" spans="2:15" s="105" customFormat="1" ht="22.5" customHeight="1" x14ac:dyDescent="0.4">
      <c r="B2" s="12" t="s">
        <v>6</v>
      </c>
    </row>
    <row r="3" spans="2:15" s="105" customFormat="1" ht="22.5" customHeight="1" x14ac:dyDescent="0.4">
      <c r="B3" s="12" t="s">
        <v>7</v>
      </c>
    </row>
    <row r="5" spans="2:15" x14ac:dyDescent="0.4">
      <c r="B5" s="141" t="s">
        <v>202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107" t="s">
        <v>11</v>
      </c>
    </row>
    <row r="8" spans="2:15" ht="21.95" customHeight="1" x14ac:dyDescent="0.4">
      <c r="B8" s="143" t="s">
        <v>203</v>
      </c>
      <c r="C8" s="144"/>
      <c r="D8" s="144"/>
      <c r="E8" s="144"/>
      <c r="F8" s="144"/>
      <c r="G8" s="144"/>
      <c r="H8" s="145"/>
      <c r="I8" s="108" t="s">
        <v>204</v>
      </c>
      <c r="J8" s="109" t="s">
        <v>205</v>
      </c>
      <c r="K8" s="109" t="s">
        <v>206</v>
      </c>
      <c r="L8" s="109" t="s">
        <v>207</v>
      </c>
      <c r="M8" s="109" t="s">
        <v>208</v>
      </c>
      <c r="N8" s="109" t="s">
        <v>209</v>
      </c>
      <c r="O8" s="109" t="s">
        <v>210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110" t="s">
        <v>211</v>
      </c>
      <c r="J9" s="110" t="s">
        <v>212</v>
      </c>
      <c r="K9" s="110" t="s">
        <v>213</v>
      </c>
      <c r="L9" s="110" t="s">
        <v>214</v>
      </c>
      <c r="M9" s="110" t="s">
        <v>215</v>
      </c>
      <c r="N9" s="110" t="s">
        <v>216</v>
      </c>
      <c r="O9" s="110" t="s">
        <v>217</v>
      </c>
    </row>
    <row r="10" spans="2:15" ht="21.95" customHeight="1" x14ac:dyDescent="0.4">
      <c r="B10" s="111" t="s">
        <v>38</v>
      </c>
      <c r="C10" s="112"/>
      <c r="D10" s="112"/>
      <c r="E10" s="112"/>
      <c r="F10" s="112"/>
      <c r="G10" s="112"/>
      <c r="H10" s="113"/>
      <c r="I10" s="114">
        <v>0</v>
      </c>
      <c r="J10" s="114">
        <v>0</v>
      </c>
      <c r="K10" s="114">
        <v>0</v>
      </c>
      <c r="L10" s="114">
        <v>0</v>
      </c>
      <c r="M10" s="114">
        <v>0</v>
      </c>
      <c r="N10" s="114">
        <v>0</v>
      </c>
      <c r="O10" s="114">
        <v>0</v>
      </c>
    </row>
    <row r="11" spans="2:15" ht="21.95" customHeight="1" x14ac:dyDescent="0.4">
      <c r="B11" s="111"/>
      <c r="C11" s="112" t="s">
        <v>40</v>
      </c>
      <c r="D11" s="112"/>
      <c r="E11" s="112"/>
      <c r="F11" s="112"/>
      <c r="G11" s="112"/>
      <c r="H11" s="113"/>
      <c r="I11" s="114">
        <v>0</v>
      </c>
      <c r="J11" s="114">
        <v>0</v>
      </c>
      <c r="K11" s="114">
        <v>0</v>
      </c>
      <c r="L11" s="114">
        <v>0</v>
      </c>
      <c r="M11" s="114">
        <v>0</v>
      </c>
      <c r="N11" s="114">
        <v>0</v>
      </c>
      <c r="O11" s="114">
        <v>0</v>
      </c>
    </row>
    <row r="12" spans="2:15" ht="21.95" customHeight="1" x14ac:dyDescent="0.4">
      <c r="B12" s="111"/>
      <c r="C12" s="112"/>
      <c r="D12" s="112" t="s">
        <v>42</v>
      </c>
      <c r="E12" s="112"/>
      <c r="F12" s="112"/>
      <c r="G12" s="112"/>
      <c r="H12" s="113"/>
      <c r="I12" s="114">
        <v>0</v>
      </c>
      <c r="J12" s="114">
        <v>0</v>
      </c>
      <c r="K12" s="114">
        <v>0</v>
      </c>
      <c r="L12" s="114">
        <v>0</v>
      </c>
      <c r="M12" s="114">
        <v>0</v>
      </c>
      <c r="N12" s="114">
        <v>0</v>
      </c>
      <c r="O12" s="114">
        <v>0</v>
      </c>
    </row>
    <row r="13" spans="2:15" ht="21.95" customHeight="1" x14ac:dyDescent="0.4">
      <c r="B13" s="111"/>
      <c r="C13" s="112"/>
      <c r="D13" s="112" t="s">
        <v>44</v>
      </c>
      <c r="E13" s="112"/>
      <c r="F13" s="112"/>
      <c r="G13" s="112"/>
      <c r="H13" s="113"/>
      <c r="I13" s="114">
        <v>0</v>
      </c>
      <c r="J13" s="114">
        <v>0</v>
      </c>
      <c r="K13" s="114">
        <v>0</v>
      </c>
      <c r="L13" s="114">
        <v>0</v>
      </c>
      <c r="M13" s="114">
        <v>0</v>
      </c>
      <c r="N13" s="114">
        <v>0</v>
      </c>
      <c r="O13" s="114">
        <v>0</v>
      </c>
    </row>
    <row r="14" spans="2:15" ht="21.95" customHeight="1" x14ac:dyDescent="0.4">
      <c r="B14" s="111"/>
      <c r="C14" s="112"/>
      <c r="D14" s="112" t="s">
        <v>46</v>
      </c>
      <c r="E14" s="112"/>
      <c r="F14" s="112"/>
      <c r="G14" s="112"/>
      <c r="H14" s="113"/>
      <c r="I14" s="114">
        <v>0</v>
      </c>
      <c r="J14" s="114">
        <v>0</v>
      </c>
      <c r="K14" s="114">
        <v>0</v>
      </c>
      <c r="L14" s="114">
        <v>0</v>
      </c>
      <c r="M14" s="114">
        <v>0</v>
      </c>
      <c r="N14" s="114">
        <v>0</v>
      </c>
      <c r="O14" s="114">
        <v>0</v>
      </c>
    </row>
    <row r="15" spans="2:15" ht="21.95" customHeight="1" x14ac:dyDescent="0.4">
      <c r="B15" s="111"/>
      <c r="C15" s="112"/>
      <c r="D15" s="112" t="s">
        <v>47</v>
      </c>
      <c r="E15" s="112"/>
      <c r="F15" s="112"/>
      <c r="G15" s="112"/>
      <c r="H15" s="113"/>
      <c r="I15" s="114">
        <v>0</v>
      </c>
      <c r="J15" s="114">
        <v>0</v>
      </c>
      <c r="K15" s="114">
        <v>0</v>
      </c>
      <c r="L15" s="114">
        <v>0</v>
      </c>
      <c r="M15" s="114">
        <v>0</v>
      </c>
      <c r="N15" s="114">
        <v>0</v>
      </c>
      <c r="O15" s="114">
        <v>0</v>
      </c>
    </row>
    <row r="16" spans="2:15" ht="21.95" customHeight="1" x14ac:dyDescent="0.4">
      <c r="B16" s="111"/>
      <c r="C16" s="112"/>
      <c r="D16" s="112" t="s">
        <v>49</v>
      </c>
      <c r="E16" s="112"/>
      <c r="F16" s="112"/>
      <c r="G16" s="112"/>
      <c r="H16" s="113"/>
      <c r="I16" s="114">
        <v>0</v>
      </c>
      <c r="J16" s="114">
        <v>0</v>
      </c>
      <c r="K16" s="114">
        <v>0</v>
      </c>
      <c r="L16" s="114">
        <v>0</v>
      </c>
      <c r="M16" s="114">
        <v>0</v>
      </c>
      <c r="N16" s="114">
        <v>0</v>
      </c>
      <c r="O16" s="114">
        <v>0</v>
      </c>
    </row>
    <row r="17" spans="2:15" ht="21.95" customHeight="1" x14ac:dyDescent="0.4">
      <c r="B17" s="111"/>
      <c r="C17" s="112"/>
      <c r="D17" s="112" t="s">
        <v>51</v>
      </c>
      <c r="E17" s="112"/>
      <c r="F17" s="112"/>
      <c r="G17" s="112"/>
      <c r="H17" s="113"/>
      <c r="I17" s="114">
        <v>0</v>
      </c>
      <c r="J17" s="114">
        <v>0</v>
      </c>
      <c r="K17" s="114">
        <v>0</v>
      </c>
      <c r="L17" s="114">
        <v>0</v>
      </c>
      <c r="M17" s="114">
        <v>0</v>
      </c>
      <c r="N17" s="114">
        <v>0</v>
      </c>
      <c r="O17" s="114">
        <v>0</v>
      </c>
    </row>
    <row r="18" spans="2:15" ht="21.95" customHeight="1" x14ac:dyDescent="0.4">
      <c r="B18" s="111"/>
      <c r="C18" s="112"/>
      <c r="D18" s="112" t="s">
        <v>53</v>
      </c>
      <c r="E18" s="112"/>
      <c r="F18" s="112"/>
      <c r="G18" s="112"/>
      <c r="H18" s="113"/>
      <c r="I18" s="114">
        <v>0</v>
      </c>
      <c r="J18" s="114">
        <v>0</v>
      </c>
      <c r="K18" s="114">
        <v>0</v>
      </c>
      <c r="L18" s="114">
        <v>0</v>
      </c>
      <c r="M18" s="114">
        <v>0</v>
      </c>
      <c r="N18" s="114">
        <v>0</v>
      </c>
      <c r="O18" s="114">
        <v>0</v>
      </c>
    </row>
    <row r="19" spans="2:15" ht="21.95" customHeight="1" x14ac:dyDescent="0.4">
      <c r="B19" s="111"/>
      <c r="C19" s="112" t="s">
        <v>55</v>
      </c>
      <c r="D19" s="112"/>
      <c r="E19" s="112"/>
      <c r="F19" s="112"/>
      <c r="G19" s="112"/>
      <c r="H19" s="113"/>
      <c r="I19" s="114">
        <v>0</v>
      </c>
      <c r="J19" s="114">
        <v>0</v>
      </c>
      <c r="K19" s="114">
        <v>0</v>
      </c>
      <c r="L19" s="114">
        <v>0</v>
      </c>
      <c r="M19" s="114">
        <v>0</v>
      </c>
      <c r="N19" s="114">
        <v>0</v>
      </c>
      <c r="O19" s="114">
        <v>0</v>
      </c>
    </row>
    <row r="20" spans="2:15" ht="21.95" customHeight="1" x14ac:dyDescent="0.4">
      <c r="B20" s="111"/>
      <c r="C20" s="112"/>
      <c r="D20" s="112" t="s">
        <v>57</v>
      </c>
      <c r="E20" s="112"/>
      <c r="F20" s="112"/>
      <c r="G20" s="112"/>
      <c r="H20" s="113"/>
      <c r="I20" s="114">
        <v>0</v>
      </c>
      <c r="J20" s="114">
        <v>0</v>
      </c>
      <c r="K20" s="114">
        <v>0</v>
      </c>
      <c r="L20" s="114">
        <v>0</v>
      </c>
      <c r="M20" s="114">
        <v>0</v>
      </c>
      <c r="N20" s="114">
        <v>0</v>
      </c>
      <c r="O20" s="114">
        <v>0</v>
      </c>
    </row>
    <row r="21" spans="2:15" ht="21.95" customHeight="1" x14ac:dyDescent="0.4">
      <c r="B21" s="111"/>
      <c r="C21" s="112"/>
      <c r="D21" s="112" t="s">
        <v>59</v>
      </c>
      <c r="E21" s="112"/>
      <c r="F21" s="112"/>
      <c r="G21" s="112"/>
      <c r="H21" s="113"/>
      <c r="I21" s="114">
        <v>0</v>
      </c>
      <c r="J21" s="114">
        <v>0</v>
      </c>
      <c r="K21" s="114">
        <v>0</v>
      </c>
      <c r="L21" s="114">
        <v>0</v>
      </c>
      <c r="M21" s="114">
        <v>0</v>
      </c>
      <c r="N21" s="114">
        <v>0</v>
      </c>
      <c r="O21" s="114">
        <v>0</v>
      </c>
    </row>
    <row r="22" spans="2:15" ht="21.95" customHeight="1" x14ac:dyDescent="0.4">
      <c r="B22" s="111" t="s">
        <v>60</v>
      </c>
      <c r="C22" s="112"/>
      <c r="D22" s="112"/>
      <c r="E22" s="112"/>
      <c r="F22" s="112"/>
      <c r="G22" s="112"/>
      <c r="H22" s="113"/>
      <c r="I22" s="114">
        <v>0</v>
      </c>
      <c r="J22" s="114">
        <v>0</v>
      </c>
      <c r="K22" s="114">
        <v>0</v>
      </c>
      <c r="L22" s="114">
        <v>0</v>
      </c>
      <c r="M22" s="114">
        <v>0</v>
      </c>
      <c r="N22" s="114">
        <v>0</v>
      </c>
      <c r="O22" s="114">
        <v>0</v>
      </c>
    </row>
    <row r="23" spans="2:15" ht="21.95" customHeight="1" x14ac:dyDescent="0.4">
      <c r="B23" s="111"/>
      <c r="C23" s="112" t="s">
        <v>61</v>
      </c>
      <c r="D23" s="112"/>
      <c r="E23" s="112"/>
      <c r="F23" s="112"/>
      <c r="G23" s="112"/>
      <c r="H23" s="113"/>
      <c r="I23" s="114">
        <v>0</v>
      </c>
      <c r="J23" s="114">
        <v>0</v>
      </c>
      <c r="K23" s="114">
        <v>0</v>
      </c>
      <c r="L23" s="114">
        <v>0</v>
      </c>
      <c r="M23" s="114">
        <v>0</v>
      </c>
      <c r="N23" s="114">
        <v>0</v>
      </c>
      <c r="O23" s="114">
        <v>0</v>
      </c>
    </row>
    <row r="24" spans="2:15" ht="21.95" customHeight="1" x14ac:dyDescent="0.4">
      <c r="B24" s="111"/>
      <c r="C24" s="112"/>
      <c r="D24" s="112" t="s">
        <v>42</v>
      </c>
      <c r="E24" s="112"/>
      <c r="F24" s="112"/>
      <c r="G24" s="112"/>
      <c r="H24" s="113"/>
      <c r="I24" s="114">
        <v>0</v>
      </c>
      <c r="J24" s="114">
        <v>0</v>
      </c>
      <c r="K24" s="114">
        <v>0</v>
      </c>
      <c r="L24" s="114">
        <v>0</v>
      </c>
      <c r="M24" s="114">
        <v>0</v>
      </c>
      <c r="N24" s="114">
        <v>0</v>
      </c>
      <c r="O24" s="114">
        <v>0</v>
      </c>
    </row>
    <row r="25" spans="2:15" ht="21.95" customHeight="1" x14ac:dyDescent="0.4">
      <c r="B25" s="111"/>
      <c r="C25" s="112"/>
      <c r="D25" s="112" t="s">
        <v>44</v>
      </c>
      <c r="E25" s="112"/>
      <c r="F25" s="112"/>
      <c r="G25" s="112"/>
      <c r="H25" s="113"/>
      <c r="I25" s="114">
        <v>0</v>
      </c>
      <c r="J25" s="114">
        <v>0</v>
      </c>
      <c r="K25" s="114">
        <v>0</v>
      </c>
      <c r="L25" s="114">
        <v>0</v>
      </c>
      <c r="M25" s="114">
        <v>0</v>
      </c>
      <c r="N25" s="114">
        <v>0</v>
      </c>
      <c r="O25" s="114">
        <v>0</v>
      </c>
    </row>
    <row r="26" spans="2:15" ht="21.95" customHeight="1" x14ac:dyDescent="0.4">
      <c r="B26" s="111"/>
      <c r="C26" s="112"/>
      <c r="D26" s="112" t="s">
        <v>46</v>
      </c>
      <c r="E26" s="112"/>
      <c r="F26" s="112"/>
      <c r="G26" s="112"/>
      <c r="H26" s="113"/>
      <c r="I26" s="114">
        <v>0</v>
      </c>
      <c r="J26" s="114">
        <v>0</v>
      </c>
      <c r="K26" s="114">
        <v>0</v>
      </c>
      <c r="L26" s="114">
        <v>0</v>
      </c>
      <c r="M26" s="114">
        <v>0</v>
      </c>
      <c r="N26" s="114">
        <v>0</v>
      </c>
      <c r="O26" s="114">
        <v>0</v>
      </c>
    </row>
    <row r="27" spans="2:15" ht="21.95" customHeight="1" x14ac:dyDescent="0.4">
      <c r="B27" s="111"/>
      <c r="C27" s="112" t="s">
        <v>62</v>
      </c>
      <c r="D27" s="112"/>
      <c r="E27" s="112"/>
      <c r="F27" s="112"/>
      <c r="G27" s="112"/>
      <c r="H27" s="113"/>
      <c r="I27" s="114">
        <v>0</v>
      </c>
      <c r="J27" s="114">
        <v>0</v>
      </c>
      <c r="K27" s="114">
        <v>0</v>
      </c>
      <c r="L27" s="114">
        <v>0</v>
      </c>
      <c r="M27" s="114">
        <v>0</v>
      </c>
      <c r="N27" s="114">
        <v>0</v>
      </c>
      <c r="O27" s="114">
        <v>0</v>
      </c>
    </row>
    <row r="28" spans="2:15" ht="21.95" customHeight="1" x14ac:dyDescent="0.4">
      <c r="B28" s="111"/>
      <c r="C28" s="112"/>
      <c r="D28" s="112" t="s">
        <v>57</v>
      </c>
      <c r="E28" s="112"/>
      <c r="F28" s="112"/>
      <c r="G28" s="112"/>
      <c r="H28" s="113"/>
      <c r="I28" s="114">
        <v>0</v>
      </c>
      <c r="J28" s="114">
        <v>0</v>
      </c>
      <c r="K28" s="114">
        <v>0</v>
      </c>
      <c r="L28" s="114">
        <v>0</v>
      </c>
      <c r="M28" s="114">
        <v>0</v>
      </c>
      <c r="N28" s="114">
        <v>0</v>
      </c>
      <c r="O28" s="114">
        <v>0</v>
      </c>
    </row>
    <row r="29" spans="2:15" ht="21.95" customHeight="1" x14ac:dyDescent="0.4">
      <c r="B29" s="111"/>
      <c r="C29" s="112"/>
      <c r="D29" s="112" t="s">
        <v>59</v>
      </c>
      <c r="E29" s="112"/>
      <c r="F29" s="112"/>
      <c r="G29" s="112"/>
      <c r="H29" s="113"/>
      <c r="I29" s="114">
        <v>0</v>
      </c>
      <c r="J29" s="114">
        <v>0</v>
      </c>
      <c r="K29" s="114">
        <v>0</v>
      </c>
      <c r="L29" s="114">
        <v>0</v>
      </c>
      <c r="M29" s="114">
        <v>0</v>
      </c>
      <c r="N29" s="114">
        <v>0</v>
      </c>
      <c r="O29" s="114">
        <v>0</v>
      </c>
    </row>
    <row r="30" spans="2:15" ht="21.95" customHeight="1" x14ac:dyDescent="0.4">
      <c r="B30" s="111" t="s">
        <v>63</v>
      </c>
      <c r="C30" s="112"/>
      <c r="D30" s="112"/>
      <c r="E30" s="112"/>
      <c r="F30" s="112"/>
      <c r="G30" s="112"/>
      <c r="H30" s="113"/>
      <c r="I30" s="114">
        <v>0</v>
      </c>
      <c r="J30" s="114">
        <v>0</v>
      </c>
      <c r="K30" s="114">
        <v>0</v>
      </c>
      <c r="L30" s="114">
        <v>0</v>
      </c>
      <c r="M30" s="114">
        <v>0</v>
      </c>
      <c r="N30" s="114">
        <v>0</v>
      </c>
      <c r="O30" s="114">
        <v>0</v>
      </c>
    </row>
    <row r="31" spans="2:15" ht="21.95" customHeight="1" x14ac:dyDescent="0.4">
      <c r="B31" s="111" t="s">
        <v>64</v>
      </c>
      <c r="C31" s="112"/>
      <c r="D31" s="112"/>
      <c r="E31" s="112"/>
      <c r="F31" s="112"/>
      <c r="G31" s="112"/>
      <c r="H31" s="113"/>
      <c r="I31" s="114">
        <v>0</v>
      </c>
      <c r="J31" s="114">
        <v>0</v>
      </c>
      <c r="K31" s="114">
        <v>0</v>
      </c>
      <c r="L31" s="114">
        <v>0</v>
      </c>
      <c r="M31" s="114">
        <v>0</v>
      </c>
      <c r="N31" s="114">
        <v>0</v>
      </c>
      <c r="O31" s="114">
        <v>0</v>
      </c>
    </row>
    <row r="32" spans="2:15" ht="21.95" customHeight="1" x14ac:dyDescent="0.4">
      <c r="B32" s="111" t="s">
        <v>65</v>
      </c>
      <c r="C32" s="112"/>
      <c r="D32" s="112"/>
      <c r="E32" s="112"/>
      <c r="F32" s="112"/>
      <c r="G32" s="112"/>
      <c r="H32" s="113"/>
      <c r="I32" s="114">
        <v>0</v>
      </c>
      <c r="J32" s="114">
        <v>0</v>
      </c>
      <c r="K32" s="114">
        <v>0</v>
      </c>
      <c r="L32" s="114">
        <v>0</v>
      </c>
      <c r="M32" s="114">
        <v>0</v>
      </c>
      <c r="N32" s="114">
        <v>0</v>
      </c>
      <c r="O32" s="114">
        <v>0</v>
      </c>
    </row>
    <row r="33" spans="2:15" ht="21.95" customHeight="1" x14ac:dyDescent="0.4">
      <c r="B33" s="111" t="s">
        <v>66</v>
      </c>
      <c r="C33" s="112"/>
      <c r="D33" s="112"/>
      <c r="E33" s="112"/>
      <c r="F33" s="112"/>
      <c r="G33" s="112"/>
      <c r="H33" s="113"/>
      <c r="I33" s="114">
        <v>0</v>
      </c>
      <c r="J33" s="114">
        <v>0</v>
      </c>
      <c r="K33" s="114">
        <v>0</v>
      </c>
      <c r="L33" s="114">
        <v>0</v>
      </c>
      <c r="M33" s="114">
        <v>0</v>
      </c>
      <c r="N33" s="114">
        <v>0</v>
      </c>
      <c r="O33" s="114">
        <v>0</v>
      </c>
    </row>
    <row r="34" spans="2:15" ht="21.95" customHeight="1" x14ac:dyDescent="0.4">
      <c r="B34" s="111" t="s">
        <v>71</v>
      </c>
      <c r="C34" s="112"/>
      <c r="D34" s="112"/>
      <c r="E34" s="112"/>
      <c r="F34" s="112"/>
      <c r="G34" s="112"/>
      <c r="H34" s="113"/>
      <c r="I34" s="114">
        <v>0</v>
      </c>
      <c r="J34" s="114">
        <v>0</v>
      </c>
      <c r="K34" s="114">
        <v>0</v>
      </c>
      <c r="L34" s="114">
        <v>0</v>
      </c>
      <c r="M34" s="114">
        <v>0</v>
      </c>
      <c r="N34" s="114">
        <v>0</v>
      </c>
      <c r="O34" s="114">
        <v>0</v>
      </c>
    </row>
    <row r="35" spans="2:15" ht="21.95" customHeight="1" x14ac:dyDescent="0.4">
      <c r="B35" s="149" t="s">
        <v>218</v>
      </c>
      <c r="C35" s="150"/>
      <c r="D35" s="150"/>
      <c r="E35" s="150"/>
      <c r="F35" s="150"/>
      <c r="G35" s="150"/>
      <c r="H35" s="151"/>
      <c r="I35" s="114">
        <v>0</v>
      </c>
      <c r="J35" s="114">
        <v>0</v>
      </c>
      <c r="K35" s="114">
        <v>0</v>
      </c>
      <c r="L35" s="114">
        <v>0</v>
      </c>
      <c r="M35" s="114">
        <v>0</v>
      </c>
      <c r="N35" s="114">
        <v>0</v>
      </c>
      <c r="O35" s="114">
        <v>0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5D263D-E996-4DED-A387-591C8D39770D}">
  <dimension ref="B1:N19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5" customWidth="1"/>
    <col min="2" max="3" width="3.5" style="105" customWidth="1"/>
    <col min="4" max="4" width="6.5" style="105" customWidth="1"/>
    <col min="5" max="7" width="3.5" style="105" customWidth="1"/>
    <col min="8" max="8" width="21.75" style="105" customWidth="1"/>
    <col min="9" max="14" width="31.125" style="105" customWidth="1"/>
    <col min="15" max="15" width="2.625" style="105" customWidth="1"/>
    <col min="16" max="256" width="8.875" style="105"/>
    <col min="257" max="257" width="2.625" style="105" customWidth="1"/>
    <col min="258" max="259" width="3.5" style="105" customWidth="1"/>
    <col min="260" max="260" width="6.5" style="105" customWidth="1"/>
    <col min="261" max="263" width="3.5" style="105" customWidth="1"/>
    <col min="264" max="264" width="21.75" style="105" customWidth="1"/>
    <col min="265" max="270" width="31.125" style="105" customWidth="1"/>
    <col min="271" max="271" width="2.625" style="105" customWidth="1"/>
    <col min="272" max="512" width="8.875" style="105"/>
    <col min="513" max="513" width="2.625" style="105" customWidth="1"/>
    <col min="514" max="515" width="3.5" style="105" customWidth="1"/>
    <col min="516" max="516" width="6.5" style="105" customWidth="1"/>
    <col min="517" max="519" width="3.5" style="105" customWidth="1"/>
    <col min="520" max="520" width="21.75" style="105" customWidth="1"/>
    <col min="521" max="526" width="31.125" style="105" customWidth="1"/>
    <col min="527" max="527" width="2.625" style="105" customWidth="1"/>
    <col min="528" max="768" width="8.875" style="105"/>
    <col min="769" max="769" width="2.625" style="105" customWidth="1"/>
    <col min="770" max="771" width="3.5" style="105" customWidth="1"/>
    <col min="772" max="772" width="6.5" style="105" customWidth="1"/>
    <col min="773" max="775" width="3.5" style="105" customWidth="1"/>
    <col min="776" max="776" width="21.75" style="105" customWidth="1"/>
    <col min="777" max="782" width="31.125" style="105" customWidth="1"/>
    <col min="783" max="783" width="2.625" style="105" customWidth="1"/>
    <col min="784" max="1024" width="8.875" style="105"/>
    <col min="1025" max="1025" width="2.625" style="105" customWidth="1"/>
    <col min="1026" max="1027" width="3.5" style="105" customWidth="1"/>
    <col min="1028" max="1028" width="6.5" style="105" customWidth="1"/>
    <col min="1029" max="1031" width="3.5" style="105" customWidth="1"/>
    <col min="1032" max="1032" width="21.75" style="105" customWidth="1"/>
    <col min="1033" max="1038" width="31.125" style="105" customWidth="1"/>
    <col min="1039" max="1039" width="2.625" style="105" customWidth="1"/>
    <col min="1040" max="1280" width="8.875" style="105"/>
    <col min="1281" max="1281" width="2.625" style="105" customWidth="1"/>
    <col min="1282" max="1283" width="3.5" style="105" customWidth="1"/>
    <col min="1284" max="1284" width="6.5" style="105" customWidth="1"/>
    <col min="1285" max="1287" width="3.5" style="105" customWidth="1"/>
    <col min="1288" max="1288" width="21.75" style="105" customWidth="1"/>
    <col min="1289" max="1294" width="31.125" style="105" customWidth="1"/>
    <col min="1295" max="1295" width="2.625" style="105" customWidth="1"/>
    <col min="1296" max="1536" width="8.875" style="105"/>
    <col min="1537" max="1537" width="2.625" style="105" customWidth="1"/>
    <col min="1538" max="1539" width="3.5" style="105" customWidth="1"/>
    <col min="1540" max="1540" width="6.5" style="105" customWidth="1"/>
    <col min="1541" max="1543" width="3.5" style="105" customWidth="1"/>
    <col min="1544" max="1544" width="21.75" style="105" customWidth="1"/>
    <col min="1545" max="1550" width="31.125" style="105" customWidth="1"/>
    <col min="1551" max="1551" width="2.625" style="105" customWidth="1"/>
    <col min="1552" max="1792" width="8.875" style="105"/>
    <col min="1793" max="1793" width="2.625" style="105" customWidth="1"/>
    <col min="1794" max="1795" width="3.5" style="105" customWidth="1"/>
    <col min="1796" max="1796" width="6.5" style="105" customWidth="1"/>
    <col min="1797" max="1799" width="3.5" style="105" customWidth="1"/>
    <col min="1800" max="1800" width="21.75" style="105" customWidth="1"/>
    <col min="1801" max="1806" width="31.125" style="105" customWidth="1"/>
    <col min="1807" max="1807" width="2.625" style="105" customWidth="1"/>
    <col min="1808" max="2048" width="8.875" style="105"/>
    <col min="2049" max="2049" width="2.625" style="105" customWidth="1"/>
    <col min="2050" max="2051" width="3.5" style="105" customWidth="1"/>
    <col min="2052" max="2052" width="6.5" style="105" customWidth="1"/>
    <col min="2053" max="2055" width="3.5" style="105" customWidth="1"/>
    <col min="2056" max="2056" width="21.75" style="105" customWidth="1"/>
    <col min="2057" max="2062" width="31.125" style="105" customWidth="1"/>
    <col min="2063" max="2063" width="2.625" style="105" customWidth="1"/>
    <col min="2064" max="2304" width="8.875" style="105"/>
    <col min="2305" max="2305" width="2.625" style="105" customWidth="1"/>
    <col min="2306" max="2307" width="3.5" style="105" customWidth="1"/>
    <col min="2308" max="2308" width="6.5" style="105" customWidth="1"/>
    <col min="2309" max="2311" width="3.5" style="105" customWidth="1"/>
    <col min="2312" max="2312" width="21.75" style="105" customWidth="1"/>
    <col min="2313" max="2318" width="31.125" style="105" customWidth="1"/>
    <col min="2319" max="2319" width="2.625" style="105" customWidth="1"/>
    <col min="2320" max="2560" width="8.875" style="105"/>
    <col min="2561" max="2561" width="2.625" style="105" customWidth="1"/>
    <col min="2562" max="2563" width="3.5" style="105" customWidth="1"/>
    <col min="2564" max="2564" width="6.5" style="105" customWidth="1"/>
    <col min="2565" max="2567" width="3.5" style="105" customWidth="1"/>
    <col min="2568" max="2568" width="21.75" style="105" customWidth="1"/>
    <col min="2569" max="2574" width="31.125" style="105" customWidth="1"/>
    <col min="2575" max="2575" width="2.625" style="105" customWidth="1"/>
    <col min="2576" max="2816" width="8.875" style="105"/>
    <col min="2817" max="2817" width="2.625" style="105" customWidth="1"/>
    <col min="2818" max="2819" width="3.5" style="105" customWidth="1"/>
    <col min="2820" max="2820" width="6.5" style="105" customWidth="1"/>
    <col min="2821" max="2823" width="3.5" style="105" customWidth="1"/>
    <col min="2824" max="2824" width="21.75" style="105" customWidth="1"/>
    <col min="2825" max="2830" width="31.125" style="105" customWidth="1"/>
    <col min="2831" max="2831" width="2.625" style="105" customWidth="1"/>
    <col min="2832" max="3072" width="8.875" style="105"/>
    <col min="3073" max="3073" width="2.625" style="105" customWidth="1"/>
    <col min="3074" max="3075" width="3.5" style="105" customWidth="1"/>
    <col min="3076" max="3076" width="6.5" style="105" customWidth="1"/>
    <col min="3077" max="3079" width="3.5" style="105" customWidth="1"/>
    <col min="3080" max="3080" width="21.75" style="105" customWidth="1"/>
    <col min="3081" max="3086" width="31.125" style="105" customWidth="1"/>
    <col min="3087" max="3087" width="2.625" style="105" customWidth="1"/>
    <col min="3088" max="3328" width="8.875" style="105"/>
    <col min="3329" max="3329" width="2.625" style="105" customWidth="1"/>
    <col min="3330" max="3331" width="3.5" style="105" customWidth="1"/>
    <col min="3332" max="3332" width="6.5" style="105" customWidth="1"/>
    <col min="3333" max="3335" width="3.5" style="105" customWidth="1"/>
    <col min="3336" max="3336" width="21.75" style="105" customWidth="1"/>
    <col min="3337" max="3342" width="31.125" style="105" customWidth="1"/>
    <col min="3343" max="3343" width="2.625" style="105" customWidth="1"/>
    <col min="3344" max="3584" width="8.875" style="105"/>
    <col min="3585" max="3585" width="2.625" style="105" customWidth="1"/>
    <col min="3586" max="3587" width="3.5" style="105" customWidth="1"/>
    <col min="3588" max="3588" width="6.5" style="105" customWidth="1"/>
    <col min="3589" max="3591" width="3.5" style="105" customWidth="1"/>
    <col min="3592" max="3592" width="21.75" style="105" customWidth="1"/>
    <col min="3593" max="3598" width="31.125" style="105" customWidth="1"/>
    <col min="3599" max="3599" width="2.625" style="105" customWidth="1"/>
    <col min="3600" max="3840" width="8.875" style="105"/>
    <col min="3841" max="3841" width="2.625" style="105" customWidth="1"/>
    <col min="3842" max="3843" width="3.5" style="105" customWidth="1"/>
    <col min="3844" max="3844" width="6.5" style="105" customWidth="1"/>
    <col min="3845" max="3847" width="3.5" style="105" customWidth="1"/>
    <col min="3848" max="3848" width="21.75" style="105" customWidth="1"/>
    <col min="3849" max="3854" width="31.125" style="105" customWidth="1"/>
    <col min="3855" max="3855" width="2.625" style="105" customWidth="1"/>
    <col min="3856" max="4096" width="8.875" style="105"/>
    <col min="4097" max="4097" width="2.625" style="105" customWidth="1"/>
    <col min="4098" max="4099" width="3.5" style="105" customWidth="1"/>
    <col min="4100" max="4100" width="6.5" style="105" customWidth="1"/>
    <col min="4101" max="4103" width="3.5" style="105" customWidth="1"/>
    <col min="4104" max="4104" width="21.75" style="105" customWidth="1"/>
    <col min="4105" max="4110" width="31.125" style="105" customWidth="1"/>
    <col min="4111" max="4111" width="2.625" style="105" customWidth="1"/>
    <col min="4112" max="4352" width="8.875" style="105"/>
    <col min="4353" max="4353" width="2.625" style="105" customWidth="1"/>
    <col min="4354" max="4355" width="3.5" style="105" customWidth="1"/>
    <col min="4356" max="4356" width="6.5" style="105" customWidth="1"/>
    <col min="4357" max="4359" width="3.5" style="105" customWidth="1"/>
    <col min="4360" max="4360" width="21.75" style="105" customWidth="1"/>
    <col min="4361" max="4366" width="31.125" style="105" customWidth="1"/>
    <col min="4367" max="4367" width="2.625" style="105" customWidth="1"/>
    <col min="4368" max="4608" width="8.875" style="105"/>
    <col min="4609" max="4609" width="2.625" style="105" customWidth="1"/>
    <col min="4610" max="4611" width="3.5" style="105" customWidth="1"/>
    <col min="4612" max="4612" width="6.5" style="105" customWidth="1"/>
    <col min="4613" max="4615" width="3.5" style="105" customWidth="1"/>
    <col min="4616" max="4616" width="21.75" style="105" customWidth="1"/>
    <col min="4617" max="4622" width="31.125" style="105" customWidth="1"/>
    <col min="4623" max="4623" width="2.625" style="105" customWidth="1"/>
    <col min="4624" max="4864" width="8.875" style="105"/>
    <col min="4865" max="4865" width="2.625" style="105" customWidth="1"/>
    <col min="4866" max="4867" width="3.5" style="105" customWidth="1"/>
    <col min="4868" max="4868" width="6.5" style="105" customWidth="1"/>
    <col min="4869" max="4871" width="3.5" style="105" customWidth="1"/>
    <col min="4872" max="4872" width="21.75" style="105" customWidth="1"/>
    <col min="4873" max="4878" width="31.125" style="105" customWidth="1"/>
    <col min="4879" max="4879" width="2.625" style="105" customWidth="1"/>
    <col min="4880" max="5120" width="8.875" style="105"/>
    <col min="5121" max="5121" width="2.625" style="105" customWidth="1"/>
    <col min="5122" max="5123" width="3.5" style="105" customWidth="1"/>
    <col min="5124" max="5124" width="6.5" style="105" customWidth="1"/>
    <col min="5125" max="5127" width="3.5" style="105" customWidth="1"/>
    <col min="5128" max="5128" width="21.75" style="105" customWidth="1"/>
    <col min="5129" max="5134" width="31.125" style="105" customWidth="1"/>
    <col min="5135" max="5135" width="2.625" style="105" customWidth="1"/>
    <col min="5136" max="5376" width="8.875" style="105"/>
    <col min="5377" max="5377" width="2.625" style="105" customWidth="1"/>
    <col min="5378" max="5379" width="3.5" style="105" customWidth="1"/>
    <col min="5380" max="5380" width="6.5" style="105" customWidth="1"/>
    <col min="5381" max="5383" width="3.5" style="105" customWidth="1"/>
    <col min="5384" max="5384" width="21.75" style="105" customWidth="1"/>
    <col min="5385" max="5390" width="31.125" style="105" customWidth="1"/>
    <col min="5391" max="5391" width="2.625" style="105" customWidth="1"/>
    <col min="5392" max="5632" width="8.875" style="105"/>
    <col min="5633" max="5633" width="2.625" style="105" customWidth="1"/>
    <col min="5634" max="5635" width="3.5" style="105" customWidth="1"/>
    <col min="5636" max="5636" width="6.5" style="105" customWidth="1"/>
    <col min="5637" max="5639" width="3.5" style="105" customWidth="1"/>
    <col min="5640" max="5640" width="21.75" style="105" customWidth="1"/>
    <col min="5641" max="5646" width="31.125" style="105" customWidth="1"/>
    <col min="5647" max="5647" width="2.625" style="105" customWidth="1"/>
    <col min="5648" max="5888" width="8.875" style="105"/>
    <col min="5889" max="5889" width="2.625" style="105" customWidth="1"/>
    <col min="5890" max="5891" width="3.5" style="105" customWidth="1"/>
    <col min="5892" max="5892" width="6.5" style="105" customWidth="1"/>
    <col min="5893" max="5895" width="3.5" style="105" customWidth="1"/>
    <col min="5896" max="5896" width="21.75" style="105" customWidth="1"/>
    <col min="5897" max="5902" width="31.125" style="105" customWidth="1"/>
    <col min="5903" max="5903" width="2.625" style="105" customWidth="1"/>
    <col min="5904" max="6144" width="8.875" style="105"/>
    <col min="6145" max="6145" width="2.625" style="105" customWidth="1"/>
    <col min="6146" max="6147" width="3.5" style="105" customWidth="1"/>
    <col min="6148" max="6148" width="6.5" style="105" customWidth="1"/>
    <col min="6149" max="6151" width="3.5" style="105" customWidth="1"/>
    <col min="6152" max="6152" width="21.75" style="105" customWidth="1"/>
    <col min="6153" max="6158" width="31.125" style="105" customWidth="1"/>
    <col min="6159" max="6159" width="2.625" style="105" customWidth="1"/>
    <col min="6160" max="6400" width="8.875" style="105"/>
    <col min="6401" max="6401" width="2.625" style="105" customWidth="1"/>
    <col min="6402" max="6403" width="3.5" style="105" customWidth="1"/>
    <col min="6404" max="6404" width="6.5" style="105" customWidth="1"/>
    <col min="6405" max="6407" width="3.5" style="105" customWidth="1"/>
    <col min="6408" max="6408" width="21.75" style="105" customWidth="1"/>
    <col min="6409" max="6414" width="31.125" style="105" customWidth="1"/>
    <col min="6415" max="6415" width="2.625" style="105" customWidth="1"/>
    <col min="6416" max="6656" width="8.875" style="105"/>
    <col min="6657" max="6657" width="2.625" style="105" customWidth="1"/>
    <col min="6658" max="6659" width="3.5" style="105" customWidth="1"/>
    <col min="6660" max="6660" width="6.5" style="105" customWidth="1"/>
    <col min="6661" max="6663" width="3.5" style="105" customWidth="1"/>
    <col min="6664" max="6664" width="21.75" style="105" customWidth="1"/>
    <col min="6665" max="6670" width="31.125" style="105" customWidth="1"/>
    <col min="6671" max="6671" width="2.625" style="105" customWidth="1"/>
    <col min="6672" max="6912" width="8.875" style="105"/>
    <col min="6913" max="6913" width="2.625" style="105" customWidth="1"/>
    <col min="6914" max="6915" width="3.5" style="105" customWidth="1"/>
    <col min="6916" max="6916" width="6.5" style="105" customWidth="1"/>
    <col min="6917" max="6919" width="3.5" style="105" customWidth="1"/>
    <col min="6920" max="6920" width="21.75" style="105" customWidth="1"/>
    <col min="6921" max="6926" width="31.125" style="105" customWidth="1"/>
    <col min="6927" max="6927" width="2.625" style="105" customWidth="1"/>
    <col min="6928" max="7168" width="8.875" style="105"/>
    <col min="7169" max="7169" width="2.625" style="105" customWidth="1"/>
    <col min="7170" max="7171" width="3.5" style="105" customWidth="1"/>
    <col min="7172" max="7172" width="6.5" style="105" customWidth="1"/>
    <col min="7173" max="7175" width="3.5" style="105" customWidth="1"/>
    <col min="7176" max="7176" width="21.75" style="105" customWidth="1"/>
    <col min="7177" max="7182" width="31.125" style="105" customWidth="1"/>
    <col min="7183" max="7183" width="2.625" style="105" customWidth="1"/>
    <col min="7184" max="7424" width="8.875" style="105"/>
    <col min="7425" max="7425" width="2.625" style="105" customWidth="1"/>
    <col min="7426" max="7427" width="3.5" style="105" customWidth="1"/>
    <col min="7428" max="7428" width="6.5" style="105" customWidth="1"/>
    <col min="7429" max="7431" width="3.5" style="105" customWidth="1"/>
    <col min="7432" max="7432" width="21.75" style="105" customWidth="1"/>
    <col min="7433" max="7438" width="31.125" style="105" customWidth="1"/>
    <col min="7439" max="7439" width="2.625" style="105" customWidth="1"/>
    <col min="7440" max="7680" width="8.875" style="105"/>
    <col min="7681" max="7681" width="2.625" style="105" customWidth="1"/>
    <col min="7682" max="7683" width="3.5" style="105" customWidth="1"/>
    <col min="7684" max="7684" width="6.5" style="105" customWidth="1"/>
    <col min="7685" max="7687" width="3.5" style="105" customWidth="1"/>
    <col min="7688" max="7688" width="21.75" style="105" customWidth="1"/>
    <col min="7689" max="7694" width="31.125" style="105" customWidth="1"/>
    <col min="7695" max="7695" width="2.625" style="105" customWidth="1"/>
    <col min="7696" max="7936" width="8.875" style="105"/>
    <col min="7937" max="7937" width="2.625" style="105" customWidth="1"/>
    <col min="7938" max="7939" width="3.5" style="105" customWidth="1"/>
    <col min="7940" max="7940" width="6.5" style="105" customWidth="1"/>
    <col min="7941" max="7943" width="3.5" style="105" customWidth="1"/>
    <col min="7944" max="7944" width="21.75" style="105" customWidth="1"/>
    <col min="7945" max="7950" width="31.125" style="105" customWidth="1"/>
    <col min="7951" max="7951" width="2.625" style="105" customWidth="1"/>
    <col min="7952" max="8192" width="8.875" style="105"/>
    <col min="8193" max="8193" width="2.625" style="105" customWidth="1"/>
    <col min="8194" max="8195" width="3.5" style="105" customWidth="1"/>
    <col min="8196" max="8196" width="6.5" style="105" customWidth="1"/>
    <col min="8197" max="8199" width="3.5" style="105" customWidth="1"/>
    <col min="8200" max="8200" width="21.75" style="105" customWidth="1"/>
    <col min="8201" max="8206" width="31.125" style="105" customWidth="1"/>
    <col min="8207" max="8207" width="2.625" style="105" customWidth="1"/>
    <col min="8208" max="8448" width="8.875" style="105"/>
    <col min="8449" max="8449" width="2.625" style="105" customWidth="1"/>
    <col min="8450" max="8451" width="3.5" style="105" customWidth="1"/>
    <col min="8452" max="8452" width="6.5" style="105" customWidth="1"/>
    <col min="8453" max="8455" width="3.5" style="105" customWidth="1"/>
    <col min="8456" max="8456" width="21.75" style="105" customWidth="1"/>
    <col min="8457" max="8462" width="31.125" style="105" customWidth="1"/>
    <col min="8463" max="8463" width="2.625" style="105" customWidth="1"/>
    <col min="8464" max="8704" width="8.875" style="105"/>
    <col min="8705" max="8705" width="2.625" style="105" customWidth="1"/>
    <col min="8706" max="8707" width="3.5" style="105" customWidth="1"/>
    <col min="8708" max="8708" width="6.5" style="105" customWidth="1"/>
    <col min="8709" max="8711" width="3.5" style="105" customWidth="1"/>
    <col min="8712" max="8712" width="21.75" style="105" customWidth="1"/>
    <col min="8713" max="8718" width="31.125" style="105" customWidth="1"/>
    <col min="8719" max="8719" width="2.625" style="105" customWidth="1"/>
    <col min="8720" max="8960" width="8.875" style="105"/>
    <col min="8961" max="8961" width="2.625" style="105" customWidth="1"/>
    <col min="8962" max="8963" width="3.5" style="105" customWidth="1"/>
    <col min="8964" max="8964" width="6.5" style="105" customWidth="1"/>
    <col min="8965" max="8967" width="3.5" style="105" customWidth="1"/>
    <col min="8968" max="8968" width="21.75" style="105" customWidth="1"/>
    <col min="8969" max="8974" width="31.125" style="105" customWidth="1"/>
    <col min="8975" max="8975" width="2.625" style="105" customWidth="1"/>
    <col min="8976" max="9216" width="8.875" style="105"/>
    <col min="9217" max="9217" width="2.625" style="105" customWidth="1"/>
    <col min="9218" max="9219" width="3.5" style="105" customWidth="1"/>
    <col min="9220" max="9220" width="6.5" style="105" customWidth="1"/>
    <col min="9221" max="9223" width="3.5" style="105" customWidth="1"/>
    <col min="9224" max="9224" width="21.75" style="105" customWidth="1"/>
    <col min="9225" max="9230" width="31.125" style="105" customWidth="1"/>
    <col min="9231" max="9231" width="2.625" style="105" customWidth="1"/>
    <col min="9232" max="9472" width="8.875" style="105"/>
    <col min="9473" max="9473" width="2.625" style="105" customWidth="1"/>
    <col min="9474" max="9475" width="3.5" style="105" customWidth="1"/>
    <col min="9476" max="9476" width="6.5" style="105" customWidth="1"/>
    <col min="9477" max="9479" width="3.5" style="105" customWidth="1"/>
    <col min="9480" max="9480" width="21.75" style="105" customWidth="1"/>
    <col min="9481" max="9486" width="31.125" style="105" customWidth="1"/>
    <col min="9487" max="9487" width="2.625" style="105" customWidth="1"/>
    <col min="9488" max="9728" width="8.875" style="105"/>
    <col min="9729" max="9729" width="2.625" style="105" customWidth="1"/>
    <col min="9730" max="9731" width="3.5" style="105" customWidth="1"/>
    <col min="9732" max="9732" width="6.5" style="105" customWidth="1"/>
    <col min="9733" max="9735" width="3.5" style="105" customWidth="1"/>
    <col min="9736" max="9736" width="21.75" style="105" customWidth="1"/>
    <col min="9737" max="9742" width="31.125" style="105" customWidth="1"/>
    <col min="9743" max="9743" width="2.625" style="105" customWidth="1"/>
    <col min="9744" max="9984" width="8.875" style="105"/>
    <col min="9985" max="9985" width="2.625" style="105" customWidth="1"/>
    <col min="9986" max="9987" width="3.5" style="105" customWidth="1"/>
    <col min="9988" max="9988" width="6.5" style="105" customWidth="1"/>
    <col min="9989" max="9991" width="3.5" style="105" customWidth="1"/>
    <col min="9992" max="9992" width="21.75" style="105" customWidth="1"/>
    <col min="9993" max="9998" width="31.125" style="105" customWidth="1"/>
    <col min="9999" max="9999" width="2.625" style="105" customWidth="1"/>
    <col min="10000" max="10240" width="8.875" style="105"/>
    <col min="10241" max="10241" width="2.625" style="105" customWidth="1"/>
    <col min="10242" max="10243" width="3.5" style="105" customWidth="1"/>
    <col min="10244" max="10244" width="6.5" style="105" customWidth="1"/>
    <col min="10245" max="10247" width="3.5" style="105" customWidth="1"/>
    <col min="10248" max="10248" width="21.75" style="105" customWidth="1"/>
    <col min="10249" max="10254" width="31.125" style="105" customWidth="1"/>
    <col min="10255" max="10255" width="2.625" style="105" customWidth="1"/>
    <col min="10256" max="10496" width="8.875" style="105"/>
    <col min="10497" max="10497" width="2.625" style="105" customWidth="1"/>
    <col min="10498" max="10499" width="3.5" style="105" customWidth="1"/>
    <col min="10500" max="10500" width="6.5" style="105" customWidth="1"/>
    <col min="10501" max="10503" width="3.5" style="105" customWidth="1"/>
    <col min="10504" max="10504" width="21.75" style="105" customWidth="1"/>
    <col min="10505" max="10510" width="31.125" style="105" customWidth="1"/>
    <col min="10511" max="10511" width="2.625" style="105" customWidth="1"/>
    <col min="10512" max="10752" width="8.875" style="105"/>
    <col min="10753" max="10753" width="2.625" style="105" customWidth="1"/>
    <col min="10754" max="10755" width="3.5" style="105" customWidth="1"/>
    <col min="10756" max="10756" width="6.5" style="105" customWidth="1"/>
    <col min="10757" max="10759" width="3.5" style="105" customWidth="1"/>
    <col min="10760" max="10760" width="21.75" style="105" customWidth="1"/>
    <col min="10761" max="10766" width="31.125" style="105" customWidth="1"/>
    <col min="10767" max="10767" width="2.625" style="105" customWidth="1"/>
    <col min="10768" max="11008" width="8.875" style="105"/>
    <col min="11009" max="11009" width="2.625" style="105" customWidth="1"/>
    <col min="11010" max="11011" width="3.5" style="105" customWidth="1"/>
    <col min="11012" max="11012" width="6.5" style="105" customWidth="1"/>
    <col min="11013" max="11015" width="3.5" style="105" customWidth="1"/>
    <col min="11016" max="11016" width="21.75" style="105" customWidth="1"/>
    <col min="11017" max="11022" width="31.125" style="105" customWidth="1"/>
    <col min="11023" max="11023" width="2.625" style="105" customWidth="1"/>
    <col min="11024" max="11264" width="8.875" style="105"/>
    <col min="11265" max="11265" width="2.625" style="105" customWidth="1"/>
    <col min="11266" max="11267" width="3.5" style="105" customWidth="1"/>
    <col min="11268" max="11268" width="6.5" style="105" customWidth="1"/>
    <col min="11269" max="11271" width="3.5" style="105" customWidth="1"/>
    <col min="11272" max="11272" width="21.75" style="105" customWidth="1"/>
    <col min="11273" max="11278" width="31.125" style="105" customWidth="1"/>
    <col min="11279" max="11279" width="2.625" style="105" customWidth="1"/>
    <col min="11280" max="11520" width="8.875" style="105"/>
    <col min="11521" max="11521" width="2.625" style="105" customWidth="1"/>
    <col min="11522" max="11523" width="3.5" style="105" customWidth="1"/>
    <col min="11524" max="11524" width="6.5" style="105" customWidth="1"/>
    <col min="11525" max="11527" width="3.5" style="105" customWidth="1"/>
    <col min="11528" max="11528" width="21.75" style="105" customWidth="1"/>
    <col min="11529" max="11534" width="31.125" style="105" customWidth="1"/>
    <col min="11535" max="11535" width="2.625" style="105" customWidth="1"/>
    <col min="11536" max="11776" width="8.875" style="105"/>
    <col min="11777" max="11777" width="2.625" style="105" customWidth="1"/>
    <col min="11778" max="11779" width="3.5" style="105" customWidth="1"/>
    <col min="11780" max="11780" width="6.5" style="105" customWidth="1"/>
    <col min="11781" max="11783" width="3.5" style="105" customWidth="1"/>
    <col min="11784" max="11784" width="21.75" style="105" customWidth="1"/>
    <col min="11785" max="11790" width="31.125" style="105" customWidth="1"/>
    <col min="11791" max="11791" width="2.625" style="105" customWidth="1"/>
    <col min="11792" max="12032" width="8.875" style="105"/>
    <col min="12033" max="12033" width="2.625" style="105" customWidth="1"/>
    <col min="12034" max="12035" width="3.5" style="105" customWidth="1"/>
    <col min="12036" max="12036" width="6.5" style="105" customWidth="1"/>
    <col min="12037" max="12039" width="3.5" style="105" customWidth="1"/>
    <col min="12040" max="12040" width="21.75" style="105" customWidth="1"/>
    <col min="12041" max="12046" width="31.125" style="105" customWidth="1"/>
    <col min="12047" max="12047" width="2.625" style="105" customWidth="1"/>
    <col min="12048" max="12288" width="8.875" style="105"/>
    <col min="12289" max="12289" width="2.625" style="105" customWidth="1"/>
    <col min="12290" max="12291" width="3.5" style="105" customWidth="1"/>
    <col min="12292" max="12292" width="6.5" style="105" customWidth="1"/>
    <col min="12293" max="12295" width="3.5" style="105" customWidth="1"/>
    <col min="12296" max="12296" width="21.75" style="105" customWidth="1"/>
    <col min="12297" max="12302" width="31.125" style="105" customWidth="1"/>
    <col min="12303" max="12303" width="2.625" style="105" customWidth="1"/>
    <col min="12304" max="12544" width="8.875" style="105"/>
    <col min="12545" max="12545" width="2.625" style="105" customWidth="1"/>
    <col min="12546" max="12547" width="3.5" style="105" customWidth="1"/>
    <col min="12548" max="12548" width="6.5" style="105" customWidth="1"/>
    <col min="12549" max="12551" width="3.5" style="105" customWidth="1"/>
    <col min="12552" max="12552" width="21.75" style="105" customWidth="1"/>
    <col min="12553" max="12558" width="31.125" style="105" customWidth="1"/>
    <col min="12559" max="12559" width="2.625" style="105" customWidth="1"/>
    <col min="12560" max="12800" width="8.875" style="105"/>
    <col min="12801" max="12801" width="2.625" style="105" customWidth="1"/>
    <col min="12802" max="12803" width="3.5" style="105" customWidth="1"/>
    <col min="12804" max="12804" width="6.5" style="105" customWidth="1"/>
    <col min="12805" max="12807" width="3.5" style="105" customWidth="1"/>
    <col min="12808" max="12808" width="21.75" style="105" customWidth="1"/>
    <col min="12809" max="12814" width="31.125" style="105" customWidth="1"/>
    <col min="12815" max="12815" width="2.625" style="105" customWidth="1"/>
    <col min="12816" max="13056" width="8.875" style="105"/>
    <col min="13057" max="13057" width="2.625" style="105" customWidth="1"/>
    <col min="13058" max="13059" width="3.5" style="105" customWidth="1"/>
    <col min="13060" max="13060" width="6.5" style="105" customWidth="1"/>
    <col min="13061" max="13063" width="3.5" style="105" customWidth="1"/>
    <col min="13064" max="13064" width="21.75" style="105" customWidth="1"/>
    <col min="13065" max="13070" width="31.125" style="105" customWidth="1"/>
    <col min="13071" max="13071" width="2.625" style="105" customWidth="1"/>
    <col min="13072" max="13312" width="8.875" style="105"/>
    <col min="13313" max="13313" width="2.625" style="105" customWidth="1"/>
    <col min="13314" max="13315" width="3.5" style="105" customWidth="1"/>
    <col min="13316" max="13316" width="6.5" style="105" customWidth="1"/>
    <col min="13317" max="13319" width="3.5" style="105" customWidth="1"/>
    <col min="13320" max="13320" width="21.75" style="105" customWidth="1"/>
    <col min="13321" max="13326" width="31.125" style="105" customWidth="1"/>
    <col min="13327" max="13327" width="2.625" style="105" customWidth="1"/>
    <col min="13328" max="13568" width="8.875" style="105"/>
    <col min="13569" max="13569" width="2.625" style="105" customWidth="1"/>
    <col min="13570" max="13571" width="3.5" style="105" customWidth="1"/>
    <col min="13572" max="13572" width="6.5" style="105" customWidth="1"/>
    <col min="13573" max="13575" width="3.5" style="105" customWidth="1"/>
    <col min="13576" max="13576" width="21.75" style="105" customWidth="1"/>
    <col min="13577" max="13582" width="31.125" style="105" customWidth="1"/>
    <col min="13583" max="13583" width="2.625" style="105" customWidth="1"/>
    <col min="13584" max="13824" width="8.875" style="105"/>
    <col min="13825" max="13825" width="2.625" style="105" customWidth="1"/>
    <col min="13826" max="13827" width="3.5" style="105" customWidth="1"/>
    <col min="13828" max="13828" width="6.5" style="105" customWidth="1"/>
    <col min="13829" max="13831" width="3.5" style="105" customWidth="1"/>
    <col min="13832" max="13832" width="21.75" style="105" customWidth="1"/>
    <col min="13833" max="13838" width="31.125" style="105" customWidth="1"/>
    <col min="13839" max="13839" width="2.625" style="105" customWidth="1"/>
    <col min="13840" max="14080" width="8.875" style="105"/>
    <col min="14081" max="14081" width="2.625" style="105" customWidth="1"/>
    <col min="14082" max="14083" width="3.5" style="105" customWidth="1"/>
    <col min="14084" max="14084" width="6.5" style="105" customWidth="1"/>
    <col min="14085" max="14087" width="3.5" style="105" customWidth="1"/>
    <col min="14088" max="14088" width="21.75" style="105" customWidth="1"/>
    <col min="14089" max="14094" width="31.125" style="105" customWidth="1"/>
    <col min="14095" max="14095" width="2.625" style="105" customWidth="1"/>
    <col min="14096" max="14336" width="8.875" style="105"/>
    <col min="14337" max="14337" width="2.625" style="105" customWidth="1"/>
    <col min="14338" max="14339" width="3.5" style="105" customWidth="1"/>
    <col min="14340" max="14340" width="6.5" style="105" customWidth="1"/>
    <col min="14341" max="14343" width="3.5" style="105" customWidth="1"/>
    <col min="14344" max="14344" width="21.75" style="105" customWidth="1"/>
    <col min="14345" max="14350" width="31.125" style="105" customWidth="1"/>
    <col min="14351" max="14351" width="2.625" style="105" customWidth="1"/>
    <col min="14352" max="14592" width="8.875" style="105"/>
    <col min="14593" max="14593" width="2.625" style="105" customWidth="1"/>
    <col min="14594" max="14595" width="3.5" style="105" customWidth="1"/>
    <col min="14596" max="14596" width="6.5" style="105" customWidth="1"/>
    <col min="14597" max="14599" width="3.5" style="105" customWidth="1"/>
    <col min="14600" max="14600" width="21.75" style="105" customWidth="1"/>
    <col min="14601" max="14606" width="31.125" style="105" customWidth="1"/>
    <col min="14607" max="14607" width="2.625" style="105" customWidth="1"/>
    <col min="14608" max="14848" width="8.875" style="105"/>
    <col min="14849" max="14849" width="2.625" style="105" customWidth="1"/>
    <col min="14850" max="14851" width="3.5" style="105" customWidth="1"/>
    <col min="14852" max="14852" width="6.5" style="105" customWidth="1"/>
    <col min="14853" max="14855" width="3.5" style="105" customWidth="1"/>
    <col min="14856" max="14856" width="21.75" style="105" customWidth="1"/>
    <col min="14857" max="14862" width="31.125" style="105" customWidth="1"/>
    <col min="14863" max="14863" width="2.625" style="105" customWidth="1"/>
    <col min="14864" max="15104" width="8.875" style="105"/>
    <col min="15105" max="15105" width="2.625" style="105" customWidth="1"/>
    <col min="15106" max="15107" width="3.5" style="105" customWidth="1"/>
    <col min="15108" max="15108" width="6.5" style="105" customWidth="1"/>
    <col min="15109" max="15111" width="3.5" style="105" customWidth="1"/>
    <col min="15112" max="15112" width="21.75" style="105" customWidth="1"/>
    <col min="15113" max="15118" width="31.125" style="105" customWidth="1"/>
    <col min="15119" max="15119" width="2.625" style="105" customWidth="1"/>
    <col min="15120" max="15360" width="8.875" style="105"/>
    <col min="15361" max="15361" width="2.625" style="105" customWidth="1"/>
    <col min="15362" max="15363" width="3.5" style="105" customWidth="1"/>
    <col min="15364" max="15364" width="6.5" style="105" customWidth="1"/>
    <col min="15365" max="15367" width="3.5" style="105" customWidth="1"/>
    <col min="15368" max="15368" width="21.75" style="105" customWidth="1"/>
    <col min="15369" max="15374" width="31.125" style="105" customWidth="1"/>
    <col min="15375" max="15375" width="2.625" style="105" customWidth="1"/>
    <col min="15376" max="15616" width="8.875" style="105"/>
    <col min="15617" max="15617" width="2.625" style="105" customWidth="1"/>
    <col min="15618" max="15619" width="3.5" style="105" customWidth="1"/>
    <col min="15620" max="15620" width="6.5" style="105" customWidth="1"/>
    <col min="15621" max="15623" width="3.5" style="105" customWidth="1"/>
    <col min="15624" max="15624" width="21.75" style="105" customWidth="1"/>
    <col min="15625" max="15630" width="31.125" style="105" customWidth="1"/>
    <col min="15631" max="15631" width="2.625" style="105" customWidth="1"/>
    <col min="15632" max="15872" width="8.875" style="105"/>
    <col min="15873" max="15873" width="2.625" style="105" customWidth="1"/>
    <col min="15874" max="15875" width="3.5" style="105" customWidth="1"/>
    <col min="15876" max="15876" width="6.5" style="105" customWidth="1"/>
    <col min="15877" max="15879" width="3.5" style="105" customWidth="1"/>
    <col min="15880" max="15880" width="21.75" style="105" customWidth="1"/>
    <col min="15881" max="15886" width="31.125" style="105" customWidth="1"/>
    <col min="15887" max="15887" width="2.625" style="105" customWidth="1"/>
    <col min="15888" max="16128" width="8.875" style="105"/>
    <col min="16129" max="16129" width="2.625" style="105" customWidth="1"/>
    <col min="16130" max="16131" width="3.5" style="105" customWidth="1"/>
    <col min="16132" max="16132" width="6.5" style="105" customWidth="1"/>
    <col min="16133" max="16135" width="3.5" style="105" customWidth="1"/>
    <col min="16136" max="16136" width="21.75" style="105" customWidth="1"/>
    <col min="16137" max="16142" width="31.125" style="105" customWidth="1"/>
    <col min="16143" max="16143" width="2.625" style="105" customWidth="1"/>
    <col min="16144" max="16384" width="8.875" style="105"/>
  </cols>
  <sheetData>
    <row r="1" spans="2:14" ht="22.5" customHeight="1" x14ac:dyDescent="0.4">
      <c r="B1" s="12" t="s">
        <v>5</v>
      </c>
    </row>
    <row r="2" spans="2:14" ht="22.5" customHeight="1" x14ac:dyDescent="0.4">
      <c r="B2" s="12" t="s">
        <v>6</v>
      </c>
    </row>
    <row r="3" spans="2:14" ht="22.5" customHeight="1" x14ac:dyDescent="0.4">
      <c r="B3" s="12" t="s">
        <v>7</v>
      </c>
    </row>
    <row r="5" spans="2:14" x14ac:dyDescent="0.4">
      <c r="B5" s="155" t="s">
        <v>219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115"/>
      <c r="N7" s="116" t="s">
        <v>11</v>
      </c>
    </row>
    <row r="8" spans="2:14" ht="20.100000000000001" customHeight="1" x14ac:dyDescent="0.4">
      <c r="B8" s="158" t="s">
        <v>132</v>
      </c>
      <c r="C8" s="159"/>
      <c r="D8" s="159"/>
      <c r="E8" s="159"/>
      <c r="F8" s="159"/>
      <c r="G8" s="159"/>
      <c r="H8" s="160"/>
      <c r="I8" s="164" t="s">
        <v>204</v>
      </c>
      <c r="J8" s="164" t="s">
        <v>205</v>
      </c>
      <c r="K8" s="166" t="s">
        <v>206</v>
      </c>
      <c r="L8" s="167"/>
      <c r="M8" s="168"/>
      <c r="N8" s="169" t="s">
        <v>220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117" t="s">
        <v>221</v>
      </c>
      <c r="L9" s="117" t="s">
        <v>222</v>
      </c>
      <c r="M9" s="117" t="s">
        <v>223</v>
      </c>
      <c r="N9" s="170"/>
    </row>
    <row r="10" spans="2:14" ht="31.7" customHeight="1" x14ac:dyDescent="0.4">
      <c r="B10" s="153" t="s">
        <v>224</v>
      </c>
      <c r="C10" s="153"/>
      <c r="D10" s="153"/>
      <c r="E10" s="153"/>
      <c r="F10" s="153"/>
      <c r="G10" s="153"/>
      <c r="H10" s="153"/>
      <c r="I10" s="118">
        <v>0</v>
      </c>
      <c r="J10" s="118">
        <v>0</v>
      </c>
      <c r="K10" s="118">
        <v>0</v>
      </c>
      <c r="L10" s="118">
        <v>0</v>
      </c>
      <c r="M10" s="118">
        <v>0</v>
      </c>
      <c r="N10" s="118">
        <v>0</v>
      </c>
    </row>
    <row r="11" spans="2:14" ht="31.7" customHeight="1" x14ac:dyDescent="0.4">
      <c r="B11" s="153" t="s">
        <v>225</v>
      </c>
      <c r="C11" s="153"/>
      <c r="D11" s="153"/>
      <c r="E11" s="153"/>
      <c r="F11" s="153"/>
      <c r="G11" s="153"/>
      <c r="H11" s="153"/>
      <c r="I11" s="118">
        <v>0</v>
      </c>
      <c r="J11" s="118">
        <v>0</v>
      </c>
      <c r="K11" s="118">
        <v>0</v>
      </c>
      <c r="L11" s="118">
        <v>0</v>
      </c>
      <c r="M11" s="118">
        <v>0</v>
      </c>
      <c r="N11" s="118">
        <v>0</v>
      </c>
    </row>
    <row r="12" spans="2:14" ht="31.7" customHeight="1" x14ac:dyDescent="0.4">
      <c r="B12" s="153" t="s">
        <v>226</v>
      </c>
      <c r="C12" s="153"/>
      <c r="D12" s="153"/>
      <c r="E12" s="153"/>
      <c r="F12" s="153"/>
      <c r="G12" s="153"/>
      <c r="H12" s="153"/>
      <c r="I12" s="118">
        <v>0</v>
      </c>
      <c r="J12" s="118">
        <v>0</v>
      </c>
      <c r="K12" s="118">
        <v>0</v>
      </c>
      <c r="L12" s="118">
        <v>0</v>
      </c>
      <c r="M12" s="118">
        <v>0</v>
      </c>
      <c r="N12" s="118">
        <v>0</v>
      </c>
    </row>
    <row r="13" spans="2:14" ht="31.7" customHeight="1" x14ac:dyDescent="0.4">
      <c r="B13" s="153" t="s">
        <v>227</v>
      </c>
      <c r="C13" s="153"/>
      <c r="D13" s="153"/>
      <c r="E13" s="153"/>
      <c r="F13" s="153"/>
      <c r="G13" s="153"/>
      <c r="H13" s="153"/>
      <c r="I13" s="118">
        <v>0</v>
      </c>
      <c r="J13" s="118">
        <v>0</v>
      </c>
      <c r="K13" s="118">
        <v>0</v>
      </c>
      <c r="L13" s="118">
        <v>0</v>
      </c>
      <c r="M13" s="118">
        <v>0</v>
      </c>
      <c r="N13" s="118">
        <v>0</v>
      </c>
    </row>
    <row r="14" spans="2:14" ht="31.7" customHeight="1" x14ac:dyDescent="0.4">
      <c r="B14" s="153" t="s">
        <v>228</v>
      </c>
      <c r="C14" s="153"/>
      <c r="D14" s="153"/>
      <c r="E14" s="153"/>
      <c r="F14" s="153"/>
      <c r="G14" s="153"/>
      <c r="H14" s="153"/>
      <c r="I14" s="118">
        <v>0</v>
      </c>
      <c r="J14" s="118">
        <v>0</v>
      </c>
      <c r="K14" s="118">
        <v>0</v>
      </c>
      <c r="L14" s="118">
        <v>0</v>
      </c>
      <c r="M14" s="118">
        <v>0</v>
      </c>
      <c r="N14" s="118">
        <v>0</v>
      </c>
    </row>
    <row r="15" spans="2:14" ht="31.7" customHeight="1" x14ac:dyDescent="0.4">
      <c r="B15" s="153" t="s">
        <v>229</v>
      </c>
      <c r="C15" s="153"/>
      <c r="D15" s="153"/>
      <c r="E15" s="153"/>
      <c r="F15" s="153"/>
      <c r="G15" s="153"/>
      <c r="H15" s="153"/>
      <c r="I15" s="118">
        <v>0</v>
      </c>
      <c r="J15" s="118">
        <v>0</v>
      </c>
      <c r="K15" s="118">
        <v>0</v>
      </c>
      <c r="L15" s="118">
        <v>0</v>
      </c>
      <c r="M15" s="118">
        <v>0</v>
      </c>
      <c r="N15" s="118">
        <v>0</v>
      </c>
    </row>
    <row r="16" spans="2:14" ht="31.7" customHeight="1" x14ac:dyDescent="0.4">
      <c r="B16" s="153" t="s">
        <v>25</v>
      </c>
      <c r="C16" s="153"/>
      <c r="D16" s="153"/>
      <c r="E16" s="153"/>
      <c r="F16" s="153"/>
      <c r="G16" s="153"/>
      <c r="H16" s="153"/>
      <c r="I16" s="118">
        <v>0</v>
      </c>
      <c r="J16" s="118">
        <v>0</v>
      </c>
      <c r="K16" s="118">
        <v>0</v>
      </c>
      <c r="L16" s="118">
        <v>0</v>
      </c>
      <c r="M16" s="118">
        <v>0</v>
      </c>
      <c r="N16" s="118">
        <v>0</v>
      </c>
    </row>
    <row r="17" spans="2:14" ht="31.7" customHeight="1" x14ac:dyDescent="0.4">
      <c r="B17" s="153" t="s">
        <v>41</v>
      </c>
      <c r="C17" s="153"/>
      <c r="D17" s="153"/>
      <c r="E17" s="153"/>
      <c r="F17" s="153"/>
      <c r="G17" s="153"/>
      <c r="H17" s="153"/>
      <c r="I17" s="118">
        <v>0</v>
      </c>
      <c r="J17" s="118">
        <v>0</v>
      </c>
      <c r="K17" s="118">
        <v>0</v>
      </c>
      <c r="L17" s="118">
        <v>0</v>
      </c>
      <c r="M17" s="118">
        <v>0</v>
      </c>
      <c r="N17" s="118">
        <v>0</v>
      </c>
    </row>
    <row r="18" spans="2:14" ht="31.7" customHeight="1" x14ac:dyDescent="0.4">
      <c r="B18" s="153" t="s">
        <v>43</v>
      </c>
      <c r="C18" s="153"/>
      <c r="D18" s="153"/>
      <c r="E18" s="153"/>
      <c r="F18" s="153"/>
      <c r="G18" s="153"/>
      <c r="H18" s="153"/>
      <c r="I18" s="118">
        <v>0</v>
      </c>
      <c r="J18" s="118">
        <v>0</v>
      </c>
      <c r="K18" s="118">
        <v>0</v>
      </c>
      <c r="L18" s="118">
        <v>0</v>
      </c>
      <c r="M18" s="118">
        <v>0</v>
      </c>
      <c r="N18" s="118">
        <v>0</v>
      </c>
    </row>
    <row r="19" spans="2:14" ht="31.7" customHeight="1" x14ac:dyDescent="0.4">
      <c r="B19" s="154" t="s">
        <v>230</v>
      </c>
      <c r="C19" s="154"/>
      <c r="D19" s="154"/>
      <c r="E19" s="154"/>
      <c r="F19" s="154"/>
      <c r="G19" s="154"/>
      <c r="H19" s="154"/>
      <c r="I19" s="118">
        <v>0</v>
      </c>
      <c r="J19" s="118">
        <v>0</v>
      </c>
      <c r="K19" s="118">
        <v>0</v>
      </c>
      <c r="L19" s="118">
        <v>0</v>
      </c>
      <c r="M19" s="118">
        <v>0</v>
      </c>
      <c r="N19" s="118">
        <v>0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3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7:04:11Z</dcterms:created>
  <dcterms:modified xsi:type="dcterms:W3CDTF">2025-10-14T07:04:17Z</dcterms:modified>
</cp:coreProperties>
</file>